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omments/modernComment_254_F9F283EC.xml" ContentType="application/vnd.ms-powerpoint.comments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comments/modernComment_24F_F69FB46B.xml" ContentType="application/vnd.ms-powerpoint.comments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comments/modernComment_252_58E9921A.xml" ContentType="application/vnd.ms-powerpoint.comments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comments/modernComment_21B_AC647375.xml" ContentType="application/vnd.ms-powerpoint.comments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4"/>
  </p:sldMasterIdLst>
  <p:notesMasterIdLst>
    <p:notesMasterId r:id="rId34"/>
  </p:notesMasterIdLst>
  <p:handoutMasterIdLst>
    <p:handoutMasterId r:id="rId35"/>
  </p:handoutMasterIdLst>
  <p:sldIdLst>
    <p:sldId id="565" r:id="rId15"/>
    <p:sldId id="289" r:id="rId16"/>
    <p:sldId id="585" r:id="rId17"/>
    <p:sldId id="596" r:id="rId18"/>
    <p:sldId id="577" r:id="rId19"/>
    <p:sldId id="578" r:id="rId20"/>
    <p:sldId id="598" r:id="rId21"/>
    <p:sldId id="595" r:id="rId22"/>
    <p:sldId id="597" r:id="rId23"/>
    <p:sldId id="588" r:id="rId24"/>
    <p:sldId id="591" r:id="rId25"/>
    <p:sldId id="586" r:id="rId26"/>
    <p:sldId id="594" r:id="rId27"/>
    <p:sldId id="548" r:id="rId28"/>
    <p:sldId id="557" r:id="rId29"/>
    <p:sldId id="491" r:id="rId30"/>
    <p:sldId id="592" r:id="rId31"/>
    <p:sldId id="584" r:id="rId32"/>
    <p:sldId id="539" r:id="rId33"/>
  </p:sldIdLst>
  <p:sldSz cx="12192000" cy="6858000"/>
  <p:notesSz cx="6858000" cy="9144000"/>
  <p:embeddedFontLst>
    <p:embeddedFont>
      <p:font typeface="Calibri" panose="020F0502020204030204" pitchFamily="34" charset="0"/>
      <p:regular r:id="rId36"/>
      <p:bold r:id="rId37"/>
      <p:italic r:id="rId38"/>
      <p:boldItalic r:id="rId39"/>
    </p:embeddedFont>
    <p:embeddedFont>
      <p:font typeface="Consolas" panose="020B0609020204030204" pitchFamily="49" charset="0"/>
      <p:regular r:id="rId40"/>
      <p:bold r:id="rId41"/>
      <p:italic r:id="rId42"/>
      <p:boldItalic r:id="rId43"/>
    </p:embeddedFont>
    <p:embeddedFont>
      <p:font typeface="Ericsson Hilda" panose="00000500000000000000" pitchFamily="2" charset="0"/>
      <p:regular r:id="rId44"/>
      <p:bold r:id="rId45"/>
      <p:italic r:id="rId46"/>
      <p:boldItalic r:id="rId47"/>
    </p:embeddedFont>
    <p:embeddedFont>
      <p:font typeface="Ericsson Hilda Light" panose="00000400000000000000" pitchFamily="2" charset="0"/>
      <p:regular r:id="rId48"/>
      <p:italic r:id="rId49"/>
    </p:embeddedFont>
    <p:embeddedFont>
      <p:font typeface="Ericsson Technical Icons" panose="020B0604020202020204" charset="0"/>
      <p:regular r:id="rId50"/>
      <p:bold r:id="rId51"/>
      <p:italic r:id="rId52"/>
      <p:boldItalic r:id="rId53"/>
    </p:embeddedFont>
    <p:embeddedFont>
      <p:font typeface="Lucida Console" panose="020B0609040504020204" pitchFamily="49" charset="0"/>
      <p:regular r:id="rId54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7E4B4E89-2993-F501-948B-37F74D34D96C}" name="Christoph Baumann" initials="CB" userId="S::christoph.baumann@ericsson.com::9bea4e68-2bd1-408a-887a-10278fa030e6" providerId="AD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Merve Turhan" initials="MT" lastIdx="8" clrIdx="0">
    <p:extLst>
      <p:ext uri="{19B8F6BF-5375-455C-9EA6-DF929625EA0E}">
        <p15:presenceInfo xmlns:p15="http://schemas.microsoft.com/office/powerpoint/2012/main" userId="S::merve.turhan@ericsson.com::3594cd17-5953-4511-8d53-8cfc799250e7" providerId="AD"/>
      </p:ext>
    </p:extLst>
  </p:cmAuthor>
  <p:cmAuthor id="2" name="Thomas Nyman" initials="TN" lastIdx="6" clrIdx="1">
    <p:extLst>
      <p:ext uri="{19B8F6BF-5375-455C-9EA6-DF929625EA0E}">
        <p15:presenceInfo xmlns:p15="http://schemas.microsoft.com/office/powerpoint/2012/main" userId="S::thomas.nyman@ericsson.com::ac62be27-690b-42bb-ae39-d787d15a182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2007C"/>
    <a:srgbClr val="7030A0"/>
    <a:srgbClr val="FF8C0A"/>
    <a:srgbClr val="0082F0"/>
    <a:srgbClr val="DAE3F3"/>
    <a:srgbClr val="FAD22D"/>
    <a:srgbClr val="0FC373"/>
    <a:srgbClr val="7C479E"/>
    <a:srgbClr val="10A45C"/>
    <a:srgbClr val="E2F0D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2CCCCBB6-E0A3-43BD-A271-1B182CC636DE}" v="3694" dt="2023-10-19T20:17:13.055"/>
  </p1510:revLst>
</p1510:revInfo>
</file>

<file path=ppt/tableStyles.xml><?xml version="1.0" encoding="utf-8"?>
<a:tblStyleLst xmlns:a="http://schemas.openxmlformats.org/drawingml/2006/main" def="{5C22544A-7EE6-4342-B048-85BDC9FD1C3A}"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121" autoAdjust="0"/>
    <p:restoredTop sz="88548" autoAdjust="0"/>
  </p:normalViewPr>
  <p:slideViewPr>
    <p:cSldViewPr snapToGrid="0">
      <p:cViewPr varScale="1">
        <p:scale>
          <a:sx n="101" d="100"/>
          <a:sy n="101" d="100"/>
        </p:scale>
        <p:origin x="372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slide" Target="slides/slide12.xml"/><Relationship Id="rId39" Type="http://schemas.openxmlformats.org/officeDocument/2006/relationships/font" Target="fonts/font4.fntdata"/><Relationship Id="rId21" Type="http://schemas.openxmlformats.org/officeDocument/2006/relationships/slide" Target="slides/slide7.xml"/><Relationship Id="rId34" Type="http://schemas.openxmlformats.org/officeDocument/2006/relationships/notesMaster" Target="notesMasters/notesMaster1.xml"/><Relationship Id="rId42" Type="http://schemas.openxmlformats.org/officeDocument/2006/relationships/font" Target="fonts/font7.fntdata"/><Relationship Id="rId47" Type="http://schemas.openxmlformats.org/officeDocument/2006/relationships/font" Target="fonts/font12.fntdata"/><Relationship Id="rId50" Type="http://schemas.openxmlformats.org/officeDocument/2006/relationships/font" Target="fonts/font15.fntdata"/><Relationship Id="rId55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9" Type="http://schemas.openxmlformats.org/officeDocument/2006/relationships/slide" Target="slides/slide15.xml"/><Relationship Id="rId11" Type="http://schemas.openxmlformats.org/officeDocument/2006/relationships/customXml" Target="../customXml/item11.xml"/><Relationship Id="rId24" Type="http://schemas.openxmlformats.org/officeDocument/2006/relationships/slide" Target="slides/slide10.xml"/><Relationship Id="rId32" Type="http://schemas.openxmlformats.org/officeDocument/2006/relationships/slide" Target="slides/slide18.xml"/><Relationship Id="rId37" Type="http://schemas.openxmlformats.org/officeDocument/2006/relationships/font" Target="fonts/font2.fntdata"/><Relationship Id="rId40" Type="http://schemas.openxmlformats.org/officeDocument/2006/relationships/font" Target="fonts/font5.fntdata"/><Relationship Id="rId45" Type="http://schemas.openxmlformats.org/officeDocument/2006/relationships/font" Target="fonts/font10.fntdata"/><Relationship Id="rId53" Type="http://schemas.openxmlformats.org/officeDocument/2006/relationships/font" Target="fonts/font18.fntdata"/><Relationship Id="rId58" Type="http://schemas.openxmlformats.org/officeDocument/2006/relationships/theme" Target="theme/theme1.xml"/><Relationship Id="rId5" Type="http://schemas.openxmlformats.org/officeDocument/2006/relationships/customXml" Target="../customXml/item5.xml"/><Relationship Id="rId61" Type="http://schemas.microsoft.com/office/2015/10/relationships/revisionInfo" Target="revisionInfo.xml"/><Relationship Id="rId19" Type="http://schemas.openxmlformats.org/officeDocument/2006/relationships/slide" Target="slides/slide5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8.xml"/><Relationship Id="rId27" Type="http://schemas.openxmlformats.org/officeDocument/2006/relationships/slide" Target="slides/slide13.xml"/><Relationship Id="rId30" Type="http://schemas.openxmlformats.org/officeDocument/2006/relationships/slide" Target="slides/slide16.xml"/><Relationship Id="rId35" Type="http://schemas.openxmlformats.org/officeDocument/2006/relationships/handoutMaster" Target="handoutMasters/handoutMaster1.xml"/><Relationship Id="rId43" Type="http://schemas.openxmlformats.org/officeDocument/2006/relationships/font" Target="fonts/font8.fntdata"/><Relationship Id="rId48" Type="http://schemas.openxmlformats.org/officeDocument/2006/relationships/font" Target="fonts/font13.fntdata"/><Relationship Id="rId56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font" Target="fonts/font16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slide" Target="slides/slide11.xml"/><Relationship Id="rId33" Type="http://schemas.openxmlformats.org/officeDocument/2006/relationships/slide" Target="slides/slide19.xml"/><Relationship Id="rId38" Type="http://schemas.openxmlformats.org/officeDocument/2006/relationships/font" Target="fonts/font3.fntdata"/><Relationship Id="rId46" Type="http://schemas.openxmlformats.org/officeDocument/2006/relationships/font" Target="fonts/font11.fntdata"/><Relationship Id="rId59" Type="http://schemas.openxmlformats.org/officeDocument/2006/relationships/tableStyles" Target="tableStyles.xml"/><Relationship Id="rId20" Type="http://schemas.openxmlformats.org/officeDocument/2006/relationships/slide" Target="slides/slide6.xml"/><Relationship Id="rId41" Type="http://schemas.openxmlformats.org/officeDocument/2006/relationships/font" Target="fonts/font6.fntdata"/><Relationship Id="rId54" Type="http://schemas.openxmlformats.org/officeDocument/2006/relationships/font" Target="fonts/font19.fntdata"/><Relationship Id="rId62" Type="http://schemas.microsoft.com/office/2018/10/relationships/authors" Target="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1.xml"/><Relationship Id="rId23" Type="http://schemas.openxmlformats.org/officeDocument/2006/relationships/slide" Target="slides/slide9.xml"/><Relationship Id="rId28" Type="http://schemas.openxmlformats.org/officeDocument/2006/relationships/slide" Target="slides/slide14.xml"/><Relationship Id="rId36" Type="http://schemas.openxmlformats.org/officeDocument/2006/relationships/font" Target="fonts/font1.fntdata"/><Relationship Id="rId49" Type="http://schemas.openxmlformats.org/officeDocument/2006/relationships/font" Target="fonts/font14.fntdata"/><Relationship Id="rId57" Type="http://schemas.openxmlformats.org/officeDocument/2006/relationships/viewProps" Target="viewProps.xml"/><Relationship Id="rId10" Type="http://schemas.openxmlformats.org/officeDocument/2006/relationships/customXml" Target="../customXml/item10.xml"/><Relationship Id="rId31" Type="http://schemas.openxmlformats.org/officeDocument/2006/relationships/slide" Target="slides/slide17.xml"/><Relationship Id="rId44" Type="http://schemas.openxmlformats.org/officeDocument/2006/relationships/font" Target="fonts/font9.fntdata"/><Relationship Id="rId52" Type="http://schemas.openxmlformats.org/officeDocument/2006/relationships/font" Target="fonts/font17.fntdata"/><Relationship Id="rId60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erve Turhan" userId="3594cd17-5953-4511-8d53-8cfc799250e7" providerId="ADAL" clId="{2253CF80-EE2E-450C-8C4C-50AAC8934036}"/>
    <pc:docChg chg="undo custSel addSld delSld modSld sldOrd modMainMaster">
      <pc:chgData name="Merve Turhan" userId="3594cd17-5953-4511-8d53-8cfc799250e7" providerId="ADAL" clId="{2253CF80-EE2E-450C-8C4C-50AAC8934036}" dt="2021-09-28T11:21:03.668" v="4722" actId="20577"/>
      <pc:docMkLst>
        <pc:docMk/>
      </pc:docMkLst>
      <pc:sldChg chg="modSp mod modNotesTx">
        <pc:chgData name="Merve Turhan" userId="3594cd17-5953-4511-8d53-8cfc799250e7" providerId="ADAL" clId="{2253CF80-EE2E-450C-8C4C-50AAC8934036}" dt="2021-09-28T11:10:36.567" v="4542" actId="20577"/>
        <pc:sldMkLst>
          <pc:docMk/>
          <pc:sldMk cId="3709959988" sldId="270"/>
        </pc:sldMkLst>
        <pc:spChg chg="mod">
          <ac:chgData name="Merve Turhan" userId="3594cd17-5953-4511-8d53-8cfc799250e7" providerId="ADAL" clId="{2253CF80-EE2E-450C-8C4C-50AAC8934036}" dt="2021-09-27T05:50:45.681" v="10" actId="13822"/>
          <ac:spMkLst>
            <pc:docMk/>
            <pc:sldMk cId="3709959988" sldId="270"/>
            <ac:spMk id="2" creationId="{7746E209-E642-4E36-9B2E-DBDA8C2F526F}"/>
          </ac:spMkLst>
        </pc:spChg>
        <pc:spChg chg="mod">
          <ac:chgData name="Merve Turhan" userId="3594cd17-5953-4511-8d53-8cfc799250e7" providerId="ADAL" clId="{2253CF80-EE2E-450C-8C4C-50AAC8934036}" dt="2021-09-27T05:50:45.681" v="10" actId="13822"/>
          <ac:spMkLst>
            <pc:docMk/>
            <pc:sldMk cId="3709959988" sldId="270"/>
            <ac:spMk id="3" creationId="{94EEECC4-75B8-4F24-A1F0-D4CF3FF45DAE}"/>
          </ac:spMkLst>
        </pc:spChg>
        <pc:spChg chg="mod">
          <ac:chgData name="Merve Turhan" userId="3594cd17-5953-4511-8d53-8cfc799250e7" providerId="ADAL" clId="{2253CF80-EE2E-450C-8C4C-50AAC8934036}" dt="2021-09-27T10:26:57.404" v="4347" actId="20577"/>
          <ac:spMkLst>
            <pc:docMk/>
            <pc:sldMk cId="3709959988" sldId="270"/>
            <ac:spMk id="4" creationId="{EA7D4468-58D5-40D1-8182-8FDBCEF777E1}"/>
          </ac:spMkLst>
        </pc:spChg>
        <pc:spChg chg="mod">
          <ac:chgData name="Merve Turhan" userId="3594cd17-5953-4511-8d53-8cfc799250e7" providerId="ADAL" clId="{2253CF80-EE2E-450C-8C4C-50AAC8934036}" dt="2021-09-27T08:52:40.680" v="2763" actId="20577"/>
          <ac:spMkLst>
            <pc:docMk/>
            <pc:sldMk cId="3709959988" sldId="270"/>
            <ac:spMk id="5" creationId="{393A08AF-E8DD-44C5-A85C-B1192DD283A4}"/>
          </ac:spMkLst>
        </pc:spChg>
        <pc:spChg chg="mod">
          <ac:chgData name="Merve Turhan" userId="3594cd17-5953-4511-8d53-8cfc799250e7" providerId="ADAL" clId="{2253CF80-EE2E-450C-8C4C-50AAC8934036}" dt="2021-09-27T05:59:21.621" v="196" actId="255"/>
          <ac:spMkLst>
            <pc:docMk/>
            <pc:sldMk cId="3709959988" sldId="270"/>
            <ac:spMk id="7" creationId="{48024F98-A156-4C55-A3EC-FED4F9EC774C}"/>
          </ac:spMkLst>
        </pc:spChg>
        <pc:spChg chg="mod">
          <ac:chgData name="Merve Turhan" userId="3594cd17-5953-4511-8d53-8cfc799250e7" providerId="ADAL" clId="{2253CF80-EE2E-450C-8C4C-50AAC8934036}" dt="2021-09-27T10:32:42.766" v="4350" actId="20577"/>
          <ac:spMkLst>
            <pc:docMk/>
            <pc:sldMk cId="3709959988" sldId="270"/>
            <ac:spMk id="10" creationId="{41CDB770-D719-40A3-82BD-F2787BAF8C40}"/>
          </ac:spMkLst>
        </pc:spChg>
        <pc:spChg chg="mod">
          <ac:chgData name="Merve Turhan" userId="3594cd17-5953-4511-8d53-8cfc799250e7" providerId="ADAL" clId="{2253CF80-EE2E-450C-8C4C-50AAC8934036}" dt="2021-09-27T05:59:28.390" v="197" actId="255"/>
          <ac:spMkLst>
            <pc:docMk/>
            <pc:sldMk cId="3709959988" sldId="270"/>
            <ac:spMk id="17" creationId="{4DFAB45A-D03A-40E2-9450-67DA4438FFA4}"/>
          </ac:spMkLst>
        </pc:spChg>
        <pc:grpChg chg="mod">
          <ac:chgData name="Merve Turhan" userId="3594cd17-5953-4511-8d53-8cfc799250e7" providerId="ADAL" clId="{2253CF80-EE2E-450C-8C4C-50AAC8934036}" dt="2021-09-27T05:59:13.472" v="195" actId="14100"/>
          <ac:grpSpMkLst>
            <pc:docMk/>
            <pc:sldMk cId="3709959988" sldId="270"/>
            <ac:grpSpMk id="9" creationId="{6EE8BAB1-9F28-4D1F-B6DD-0D127D9DB75B}"/>
          </ac:grpSpMkLst>
        </pc:grpChg>
      </pc:sldChg>
      <pc:sldChg chg="modSp mod">
        <pc:chgData name="Merve Turhan" userId="3594cd17-5953-4511-8d53-8cfc799250e7" providerId="ADAL" clId="{2253CF80-EE2E-450C-8C4C-50AAC8934036}" dt="2021-09-27T08:53:47.170" v="2775" actId="20577"/>
        <pc:sldMkLst>
          <pc:docMk/>
          <pc:sldMk cId="2230748882" sldId="271"/>
        </pc:sldMkLst>
        <pc:spChg chg="mod">
          <ac:chgData name="Merve Turhan" userId="3594cd17-5953-4511-8d53-8cfc799250e7" providerId="ADAL" clId="{2253CF80-EE2E-450C-8C4C-50AAC8934036}" dt="2021-09-27T08:53:47.170" v="2775" actId="20577"/>
          <ac:spMkLst>
            <pc:docMk/>
            <pc:sldMk cId="2230748882" sldId="271"/>
            <ac:spMk id="4" creationId="{6A927E07-3624-45B8-934B-C229726CA813}"/>
          </ac:spMkLst>
        </pc:spChg>
      </pc:sldChg>
      <pc:sldChg chg="addSp delSp modSp mod modAnim modNotesTx">
        <pc:chgData name="Merve Turhan" userId="3594cd17-5953-4511-8d53-8cfc799250e7" providerId="ADAL" clId="{2253CF80-EE2E-450C-8C4C-50AAC8934036}" dt="2021-09-28T11:11:10.035" v="4558" actId="20577"/>
        <pc:sldMkLst>
          <pc:docMk/>
          <pc:sldMk cId="2202449239" sldId="274"/>
        </pc:sldMkLst>
        <pc:spChg chg="mod">
          <ac:chgData name="Merve Turhan" userId="3594cd17-5953-4511-8d53-8cfc799250e7" providerId="ADAL" clId="{2253CF80-EE2E-450C-8C4C-50AAC8934036}" dt="2021-09-27T05:53:15.649" v="21" actId="1076"/>
          <ac:spMkLst>
            <pc:docMk/>
            <pc:sldMk cId="2202449239" sldId="274"/>
            <ac:spMk id="10" creationId="{CF6DD47C-73D5-4AD4-AFF4-E08AD846C4B6}"/>
          </ac:spMkLst>
        </pc:spChg>
        <pc:spChg chg="del">
          <ac:chgData name="Merve Turhan" userId="3594cd17-5953-4511-8d53-8cfc799250e7" providerId="ADAL" clId="{2253CF80-EE2E-450C-8C4C-50AAC8934036}" dt="2021-09-27T09:18:03.181" v="2906" actId="478"/>
          <ac:spMkLst>
            <pc:docMk/>
            <pc:sldMk cId="2202449239" sldId="274"/>
            <ac:spMk id="20" creationId="{1AD06CCA-DE06-4BF4-88D6-EE9B4CC3A890}"/>
          </ac:spMkLst>
        </pc:spChg>
        <pc:spChg chg="add mod">
          <ac:chgData name="Merve Turhan" userId="3594cd17-5953-4511-8d53-8cfc799250e7" providerId="ADAL" clId="{2253CF80-EE2E-450C-8C4C-50AAC8934036}" dt="2021-09-27T05:55:22.767" v="158" actId="20577"/>
          <ac:spMkLst>
            <pc:docMk/>
            <pc:sldMk cId="2202449239" sldId="274"/>
            <ac:spMk id="22" creationId="{AEF06857-45CF-4580-B6A3-AECC61930DB2}"/>
          </ac:spMkLst>
        </pc:spChg>
        <pc:spChg chg="mod">
          <ac:chgData name="Merve Turhan" userId="3594cd17-5953-4511-8d53-8cfc799250e7" providerId="ADAL" clId="{2253CF80-EE2E-450C-8C4C-50AAC8934036}" dt="2021-09-27T05:53:05.368" v="19" actId="1076"/>
          <ac:spMkLst>
            <pc:docMk/>
            <pc:sldMk cId="2202449239" sldId="274"/>
            <ac:spMk id="29" creationId="{2B8ABC85-BB5F-4D4B-8E99-659BC28FB2A9}"/>
          </ac:spMkLst>
        </pc:spChg>
        <pc:spChg chg="mod">
          <ac:chgData name="Merve Turhan" userId="3594cd17-5953-4511-8d53-8cfc799250e7" providerId="ADAL" clId="{2253CF80-EE2E-450C-8C4C-50AAC8934036}" dt="2021-09-27T09:57:25.429" v="3840"/>
          <ac:spMkLst>
            <pc:docMk/>
            <pc:sldMk cId="2202449239" sldId="274"/>
            <ac:spMk id="31" creationId="{DBCEEDC6-5F87-4AC5-AFCC-94D7CF5E7667}"/>
          </ac:spMkLst>
        </pc:spChg>
        <pc:spChg chg="mod">
          <ac:chgData name="Merve Turhan" userId="3594cd17-5953-4511-8d53-8cfc799250e7" providerId="ADAL" clId="{2253CF80-EE2E-450C-8C4C-50AAC8934036}" dt="2021-09-27T05:53:05.368" v="19" actId="1076"/>
          <ac:spMkLst>
            <pc:docMk/>
            <pc:sldMk cId="2202449239" sldId="274"/>
            <ac:spMk id="33" creationId="{0297A5CC-69B9-45DA-9B1A-1445E2972A4D}"/>
          </ac:spMkLst>
        </pc:spChg>
        <pc:picChg chg="mod">
          <ac:chgData name="Merve Turhan" userId="3594cd17-5953-4511-8d53-8cfc799250e7" providerId="ADAL" clId="{2253CF80-EE2E-450C-8C4C-50AAC8934036}" dt="2021-09-27T05:53:05.368" v="19" actId="1076"/>
          <ac:picMkLst>
            <pc:docMk/>
            <pc:sldMk cId="2202449239" sldId="274"/>
            <ac:picMk id="7" creationId="{D783DD44-3EE8-460B-96A1-1A8E11A2ED44}"/>
          </ac:picMkLst>
        </pc:picChg>
        <pc:picChg chg="mod">
          <ac:chgData name="Merve Turhan" userId="3594cd17-5953-4511-8d53-8cfc799250e7" providerId="ADAL" clId="{2253CF80-EE2E-450C-8C4C-50AAC8934036}" dt="2021-09-27T05:53:15.649" v="21" actId="1076"/>
          <ac:picMkLst>
            <pc:docMk/>
            <pc:sldMk cId="2202449239" sldId="274"/>
            <ac:picMk id="17" creationId="{EEF9116D-80B5-474A-B5D2-A1BC99F0DAFB}"/>
          </ac:picMkLst>
        </pc:picChg>
        <pc:picChg chg="add mod">
          <ac:chgData name="Merve Turhan" userId="3594cd17-5953-4511-8d53-8cfc799250e7" providerId="ADAL" clId="{2253CF80-EE2E-450C-8C4C-50AAC8934036}" dt="2021-09-27T05:57:16.003" v="168" actId="1076"/>
          <ac:picMkLst>
            <pc:docMk/>
            <pc:sldMk cId="2202449239" sldId="274"/>
            <ac:picMk id="1027" creationId="{F0680101-93F8-48FB-88B9-56212B20ADB9}"/>
          </ac:picMkLst>
        </pc:picChg>
        <pc:cxnChg chg="mod">
          <ac:chgData name="Merve Turhan" userId="3594cd17-5953-4511-8d53-8cfc799250e7" providerId="ADAL" clId="{2253CF80-EE2E-450C-8C4C-50AAC8934036}" dt="2021-09-27T05:53:15.649" v="21" actId="1076"/>
          <ac:cxnSpMkLst>
            <pc:docMk/>
            <pc:sldMk cId="2202449239" sldId="274"/>
            <ac:cxnSpMk id="18" creationId="{77902021-0A2B-47BE-AB73-02CAB3855D85}"/>
          </ac:cxnSpMkLst>
        </pc:cxnChg>
        <pc:cxnChg chg="mod">
          <ac:chgData name="Merve Turhan" userId="3594cd17-5953-4511-8d53-8cfc799250e7" providerId="ADAL" clId="{2253CF80-EE2E-450C-8C4C-50AAC8934036}" dt="2021-09-27T05:53:05.368" v="19" actId="1076"/>
          <ac:cxnSpMkLst>
            <pc:docMk/>
            <pc:sldMk cId="2202449239" sldId="274"/>
            <ac:cxnSpMk id="21" creationId="{0A68E282-EA9D-45C6-A6F3-7550F7D099E2}"/>
          </ac:cxnSpMkLst>
        </pc:cxnChg>
        <pc:cxnChg chg="mod">
          <ac:chgData name="Merve Turhan" userId="3594cd17-5953-4511-8d53-8cfc799250e7" providerId="ADAL" clId="{2253CF80-EE2E-450C-8C4C-50AAC8934036}" dt="2021-09-27T05:53:05.368" v="19" actId="1076"/>
          <ac:cxnSpMkLst>
            <pc:docMk/>
            <pc:sldMk cId="2202449239" sldId="274"/>
            <ac:cxnSpMk id="34" creationId="{3AD6B19C-A5DD-4942-8ACE-727131B6E3BD}"/>
          </ac:cxnSpMkLst>
        </pc:cxnChg>
      </pc:sldChg>
      <pc:sldChg chg="addSp modSp mod modAnim modNotesTx">
        <pc:chgData name="Merve Turhan" userId="3594cd17-5953-4511-8d53-8cfc799250e7" providerId="ADAL" clId="{2253CF80-EE2E-450C-8C4C-50AAC8934036}" dt="2021-09-28T11:10:56.190" v="4555" actId="20577"/>
        <pc:sldMkLst>
          <pc:docMk/>
          <pc:sldMk cId="4073443622" sldId="275"/>
        </pc:sldMkLst>
        <pc:spChg chg="mod">
          <ac:chgData name="Merve Turhan" userId="3594cd17-5953-4511-8d53-8cfc799250e7" providerId="ADAL" clId="{2253CF80-EE2E-450C-8C4C-50AAC8934036}" dt="2021-09-27T06:00:38.946" v="215" actId="20577"/>
          <ac:spMkLst>
            <pc:docMk/>
            <pc:sldMk cId="4073443622" sldId="275"/>
            <ac:spMk id="2" creationId="{145A5B86-CDEE-4EAD-814B-D0C826FD40F3}"/>
          </ac:spMkLst>
        </pc:spChg>
        <pc:spChg chg="mod">
          <ac:chgData name="Merve Turhan" userId="3594cd17-5953-4511-8d53-8cfc799250e7" providerId="ADAL" clId="{2253CF80-EE2E-450C-8C4C-50AAC8934036}" dt="2021-09-27T10:32:24.537" v="4349" actId="20577"/>
          <ac:spMkLst>
            <pc:docMk/>
            <pc:sldMk cId="4073443622" sldId="275"/>
            <ac:spMk id="3" creationId="{0725F03B-7FF5-4B82-84E1-122CEE6079CC}"/>
          </ac:spMkLst>
        </pc:spChg>
        <pc:spChg chg="mod">
          <ac:chgData name="Merve Turhan" userId="3594cd17-5953-4511-8d53-8cfc799250e7" providerId="ADAL" clId="{2253CF80-EE2E-450C-8C4C-50AAC8934036}" dt="2021-09-27T06:14:05.056" v="480" actId="13822"/>
          <ac:spMkLst>
            <pc:docMk/>
            <pc:sldMk cId="4073443622" sldId="275"/>
            <ac:spMk id="5" creationId="{C0E43549-C2F3-4226-8CF6-5A3B88C76930}"/>
          </ac:spMkLst>
        </pc:spChg>
        <pc:spChg chg="mod">
          <ac:chgData name="Merve Turhan" userId="3594cd17-5953-4511-8d53-8cfc799250e7" providerId="ADAL" clId="{2253CF80-EE2E-450C-8C4C-50AAC8934036}" dt="2021-09-27T06:14:11.926" v="482" actId="13822"/>
          <ac:spMkLst>
            <pc:docMk/>
            <pc:sldMk cId="4073443622" sldId="275"/>
            <ac:spMk id="7" creationId="{8C106D0A-D965-4685-BB94-2ACB5AF9597B}"/>
          </ac:spMkLst>
        </pc:spChg>
        <pc:spChg chg="mod">
          <ac:chgData name="Merve Turhan" userId="3594cd17-5953-4511-8d53-8cfc799250e7" providerId="ADAL" clId="{2253CF80-EE2E-450C-8C4C-50AAC8934036}" dt="2021-09-27T06:14:18.893" v="484" actId="13822"/>
          <ac:spMkLst>
            <pc:docMk/>
            <pc:sldMk cId="4073443622" sldId="275"/>
            <ac:spMk id="8" creationId="{79D7E8FD-5ABF-4C09-B53D-EA9670B7FB8E}"/>
          </ac:spMkLst>
        </pc:spChg>
        <pc:spChg chg="mod">
          <ac:chgData name="Merve Turhan" userId="3594cd17-5953-4511-8d53-8cfc799250e7" providerId="ADAL" clId="{2253CF80-EE2E-450C-8C4C-50AAC8934036}" dt="2021-09-27T06:14:08.090" v="481" actId="13822"/>
          <ac:spMkLst>
            <pc:docMk/>
            <pc:sldMk cId="4073443622" sldId="275"/>
            <ac:spMk id="9" creationId="{B01D6B3A-4943-432B-ABB6-0C8FFC81B081}"/>
          </ac:spMkLst>
        </pc:spChg>
        <pc:spChg chg="mod">
          <ac:chgData name="Merve Turhan" userId="3594cd17-5953-4511-8d53-8cfc799250e7" providerId="ADAL" clId="{2253CF80-EE2E-450C-8C4C-50AAC8934036}" dt="2021-09-27T06:14:22.338" v="485" actId="13822"/>
          <ac:spMkLst>
            <pc:docMk/>
            <pc:sldMk cId="4073443622" sldId="275"/>
            <ac:spMk id="10" creationId="{4241CF5A-E452-4CC5-A14B-161655AA5210}"/>
          </ac:spMkLst>
        </pc:spChg>
        <pc:spChg chg="mod">
          <ac:chgData name="Merve Turhan" userId="3594cd17-5953-4511-8d53-8cfc799250e7" providerId="ADAL" clId="{2253CF80-EE2E-450C-8C4C-50AAC8934036}" dt="2021-09-27T06:14:15.162" v="483" actId="13822"/>
          <ac:spMkLst>
            <pc:docMk/>
            <pc:sldMk cId="4073443622" sldId="275"/>
            <ac:spMk id="12" creationId="{64BB2DB5-8C49-4D99-B31C-F12262415E5E}"/>
          </ac:spMkLst>
        </pc:spChg>
        <pc:picChg chg="add mod">
          <ac:chgData name="Merve Turhan" userId="3594cd17-5953-4511-8d53-8cfc799250e7" providerId="ADAL" clId="{2253CF80-EE2E-450C-8C4C-50AAC8934036}" dt="2021-09-27T10:04:28.893" v="4173" actId="1076"/>
          <ac:picMkLst>
            <pc:docMk/>
            <pc:sldMk cId="4073443622" sldId="275"/>
            <ac:picMk id="30" creationId="{1FD9F7F2-47D0-42AC-8FEA-4814100562D5}"/>
          </ac:picMkLst>
        </pc:picChg>
      </pc:sldChg>
      <pc:sldChg chg="addSp delSp modSp mod modNotesTx">
        <pc:chgData name="Merve Turhan" userId="3594cd17-5953-4511-8d53-8cfc799250e7" providerId="ADAL" clId="{2253CF80-EE2E-450C-8C4C-50AAC8934036}" dt="2021-09-28T11:10:42.304" v="4552" actId="20577"/>
        <pc:sldMkLst>
          <pc:docMk/>
          <pc:sldMk cId="1123091943" sldId="281"/>
        </pc:sldMkLst>
        <pc:spChg chg="mod">
          <ac:chgData name="Merve Turhan" userId="3594cd17-5953-4511-8d53-8cfc799250e7" providerId="ADAL" clId="{2253CF80-EE2E-450C-8C4C-50AAC8934036}" dt="2021-09-27T08:51:34.142" v="2758" actId="20577"/>
          <ac:spMkLst>
            <pc:docMk/>
            <pc:sldMk cId="1123091943" sldId="281"/>
            <ac:spMk id="2" creationId="{400B03D0-A099-4F3C-B9B6-498E1BAA46C9}"/>
          </ac:spMkLst>
        </pc:spChg>
        <pc:spChg chg="mod">
          <ac:chgData name="Merve Turhan" userId="3594cd17-5953-4511-8d53-8cfc799250e7" providerId="ADAL" clId="{2253CF80-EE2E-450C-8C4C-50AAC8934036}" dt="2021-09-27T06:12:21.938" v="459" actId="13822"/>
          <ac:spMkLst>
            <pc:docMk/>
            <pc:sldMk cId="1123091943" sldId="281"/>
            <ac:spMk id="15" creationId="{0038BE6A-DD1B-4702-9CF4-1EAAFF77755D}"/>
          </ac:spMkLst>
        </pc:spChg>
        <pc:spChg chg="mod">
          <ac:chgData name="Merve Turhan" userId="3594cd17-5953-4511-8d53-8cfc799250e7" providerId="ADAL" clId="{2253CF80-EE2E-450C-8C4C-50AAC8934036}" dt="2021-09-27T06:12:25.047" v="460" actId="13822"/>
          <ac:spMkLst>
            <pc:docMk/>
            <pc:sldMk cId="1123091943" sldId="281"/>
            <ac:spMk id="18" creationId="{3C241A8D-8B6D-426C-BCF0-FADC10C4B297}"/>
          </ac:spMkLst>
        </pc:spChg>
        <pc:spChg chg="mod">
          <ac:chgData name="Merve Turhan" userId="3594cd17-5953-4511-8d53-8cfc799250e7" providerId="ADAL" clId="{2253CF80-EE2E-450C-8C4C-50AAC8934036}" dt="2021-09-27T06:12:28.069" v="461" actId="13822"/>
          <ac:spMkLst>
            <pc:docMk/>
            <pc:sldMk cId="1123091943" sldId="281"/>
            <ac:spMk id="47" creationId="{A444EC45-5402-4A9F-A354-B0E529ACB13D}"/>
          </ac:spMkLst>
        </pc:spChg>
        <pc:spChg chg="mod">
          <ac:chgData name="Merve Turhan" userId="3594cd17-5953-4511-8d53-8cfc799250e7" providerId="ADAL" clId="{2253CF80-EE2E-450C-8C4C-50AAC8934036}" dt="2021-09-27T06:12:31.668" v="462" actId="13822"/>
          <ac:spMkLst>
            <pc:docMk/>
            <pc:sldMk cId="1123091943" sldId="281"/>
            <ac:spMk id="48" creationId="{999D86F3-E027-4E42-9E8B-F72B3FC4B5B6}"/>
          </ac:spMkLst>
        </pc:spChg>
        <pc:spChg chg="mod">
          <ac:chgData name="Merve Turhan" userId="3594cd17-5953-4511-8d53-8cfc799250e7" providerId="ADAL" clId="{2253CF80-EE2E-450C-8C4C-50AAC8934036}" dt="2021-09-27T06:12:57.324" v="468" actId="13822"/>
          <ac:spMkLst>
            <pc:docMk/>
            <pc:sldMk cId="1123091943" sldId="281"/>
            <ac:spMk id="59" creationId="{37DE7DF0-71AB-482C-9918-26E1B71B5730}"/>
          </ac:spMkLst>
        </pc:spChg>
        <pc:spChg chg="mod">
          <ac:chgData name="Merve Turhan" userId="3594cd17-5953-4511-8d53-8cfc799250e7" providerId="ADAL" clId="{2253CF80-EE2E-450C-8C4C-50AAC8934036}" dt="2021-09-27T06:12:37.515" v="464" actId="13822"/>
          <ac:spMkLst>
            <pc:docMk/>
            <pc:sldMk cId="1123091943" sldId="281"/>
            <ac:spMk id="60" creationId="{CD4E6E8C-1624-451B-854A-408F3327E4FE}"/>
          </ac:spMkLst>
        </pc:spChg>
        <pc:spChg chg="mod">
          <ac:chgData name="Merve Turhan" userId="3594cd17-5953-4511-8d53-8cfc799250e7" providerId="ADAL" clId="{2253CF80-EE2E-450C-8C4C-50AAC8934036}" dt="2021-09-27T06:13:00.715" v="469" actId="13822"/>
          <ac:spMkLst>
            <pc:docMk/>
            <pc:sldMk cId="1123091943" sldId="281"/>
            <ac:spMk id="62" creationId="{F7A62762-7157-4C57-BFDA-E2888414E531}"/>
          </ac:spMkLst>
        </pc:spChg>
        <pc:spChg chg="mod">
          <ac:chgData name="Merve Turhan" userId="3594cd17-5953-4511-8d53-8cfc799250e7" providerId="ADAL" clId="{2253CF80-EE2E-450C-8C4C-50AAC8934036}" dt="2021-09-27T06:12:45.898" v="465" actId="13822"/>
          <ac:spMkLst>
            <pc:docMk/>
            <pc:sldMk cId="1123091943" sldId="281"/>
            <ac:spMk id="63" creationId="{28C59640-717C-4558-9B60-A5833A62B9AE}"/>
          </ac:spMkLst>
        </pc:spChg>
        <pc:spChg chg="mod">
          <ac:chgData name="Merve Turhan" userId="3594cd17-5953-4511-8d53-8cfc799250e7" providerId="ADAL" clId="{2253CF80-EE2E-450C-8C4C-50AAC8934036}" dt="2021-09-27T06:13:44.542" v="478" actId="13822"/>
          <ac:spMkLst>
            <pc:docMk/>
            <pc:sldMk cId="1123091943" sldId="281"/>
            <ac:spMk id="64" creationId="{02FF3FBD-4050-40B4-BE95-E36ABB6D59FB}"/>
          </ac:spMkLst>
        </pc:spChg>
        <pc:spChg chg="mod">
          <ac:chgData name="Merve Turhan" userId="3594cd17-5953-4511-8d53-8cfc799250e7" providerId="ADAL" clId="{2253CF80-EE2E-450C-8C4C-50AAC8934036}" dt="2021-09-27T06:13:41.645" v="477" actId="13822"/>
          <ac:spMkLst>
            <pc:docMk/>
            <pc:sldMk cId="1123091943" sldId="281"/>
            <ac:spMk id="65" creationId="{2DBB6329-BC27-4865-A045-F284899D833F}"/>
          </ac:spMkLst>
        </pc:spChg>
        <pc:spChg chg="mod">
          <ac:chgData name="Merve Turhan" userId="3594cd17-5953-4511-8d53-8cfc799250e7" providerId="ADAL" clId="{2253CF80-EE2E-450C-8C4C-50AAC8934036}" dt="2021-09-27T06:13:13.512" v="471" actId="13822"/>
          <ac:spMkLst>
            <pc:docMk/>
            <pc:sldMk cId="1123091943" sldId="281"/>
            <ac:spMk id="66" creationId="{DE74D8A0-2A32-494E-9531-D0071B1F3B64}"/>
          </ac:spMkLst>
        </pc:spChg>
        <pc:spChg chg="mod">
          <ac:chgData name="Merve Turhan" userId="3594cd17-5953-4511-8d53-8cfc799250e7" providerId="ADAL" clId="{2253CF80-EE2E-450C-8C4C-50AAC8934036}" dt="2021-09-27T06:12:53.132" v="467" actId="13822"/>
          <ac:spMkLst>
            <pc:docMk/>
            <pc:sldMk cId="1123091943" sldId="281"/>
            <ac:spMk id="67" creationId="{9A0186D4-9ABC-49C7-869F-9EC57A15B14E}"/>
          </ac:spMkLst>
        </pc:spChg>
        <pc:spChg chg="mod">
          <ac:chgData name="Merve Turhan" userId="3594cd17-5953-4511-8d53-8cfc799250e7" providerId="ADAL" clId="{2253CF80-EE2E-450C-8C4C-50AAC8934036}" dt="2021-09-27T06:13:20.050" v="472" actId="13822"/>
          <ac:spMkLst>
            <pc:docMk/>
            <pc:sldMk cId="1123091943" sldId="281"/>
            <ac:spMk id="68" creationId="{CE8325FD-7838-40C8-97C1-197C9951A89C}"/>
          </ac:spMkLst>
        </pc:spChg>
        <pc:spChg chg="mod">
          <ac:chgData name="Merve Turhan" userId="3594cd17-5953-4511-8d53-8cfc799250e7" providerId="ADAL" clId="{2253CF80-EE2E-450C-8C4C-50AAC8934036}" dt="2021-09-27T06:13:23.132" v="473" actId="13822"/>
          <ac:spMkLst>
            <pc:docMk/>
            <pc:sldMk cId="1123091943" sldId="281"/>
            <ac:spMk id="69" creationId="{FD7524DA-B7AB-46D5-B553-C94B7E7E738F}"/>
          </ac:spMkLst>
        </pc:spChg>
        <pc:spChg chg="mod">
          <ac:chgData name="Merve Turhan" userId="3594cd17-5953-4511-8d53-8cfc799250e7" providerId="ADAL" clId="{2253CF80-EE2E-450C-8C4C-50AAC8934036}" dt="2021-09-27T06:13:10.198" v="470" actId="13822"/>
          <ac:spMkLst>
            <pc:docMk/>
            <pc:sldMk cId="1123091943" sldId="281"/>
            <ac:spMk id="70" creationId="{C376F59B-F1BB-475C-BCC8-78F3F3D1DC8A}"/>
          </ac:spMkLst>
        </pc:spChg>
        <pc:spChg chg="add del mod">
          <ac:chgData name="Merve Turhan" userId="3594cd17-5953-4511-8d53-8cfc799250e7" providerId="ADAL" clId="{2253CF80-EE2E-450C-8C4C-50AAC8934036}" dt="2021-09-27T06:00:07.051" v="205"/>
          <ac:spMkLst>
            <pc:docMk/>
            <pc:sldMk cId="1123091943" sldId="281"/>
            <ac:spMk id="71" creationId="{730B0B80-510C-4608-BDDD-890C1B734D65}"/>
          </ac:spMkLst>
        </pc:spChg>
        <pc:spChg chg="del">
          <ac:chgData name="Merve Turhan" userId="3594cd17-5953-4511-8d53-8cfc799250e7" providerId="ADAL" clId="{2253CF80-EE2E-450C-8C4C-50AAC8934036}" dt="2021-09-27T06:13:52.181" v="479" actId="478"/>
          <ac:spMkLst>
            <pc:docMk/>
            <pc:sldMk cId="1123091943" sldId="281"/>
            <ac:spMk id="73" creationId="{6786D212-62B3-41EB-9D2D-1642546A976C}"/>
          </ac:spMkLst>
        </pc:spChg>
        <pc:spChg chg="mod">
          <ac:chgData name="Merve Turhan" userId="3594cd17-5953-4511-8d53-8cfc799250e7" providerId="ADAL" clId="{2253CF80-EE2E-450C-8C4C-50AAC8934036}" dt="2021-09-27T06:13:30.926" v="475" actId="13822"/>
          <ac:spMkLst>
            <pc:docMk/>
            <pc:sldMk cId="1123091943" sldId="281"/>
            <ac:spMk id="100" creationId="{F04A44F7-66E4-4D6C-A00E-33E3B3D0BDF8}"/>
          </ac:spMkLst>
        </pc:spChg>
        <pc:spChg chg="mod">
          <ac:chgData name="Merve Turhan" userId="3594cd17-5953-4511-8d53-8cfc799250e7" providerId="ADAL" clId="{2253CF80-EE2E-450C-8C4C-50AAC8934036}" dt="2021-09-27T06:13:26.293" v="474" actId="13822"/>
          <ac:spMkLst>
            <pc:docMk/>
            <pc:sldMk cId="1123091943" sldId="281"/>
            <ac:spMk id="101" creationId="{4D5FC1FE-124F-4A50-A5D2-43AE5B354C62}"/>
          </ac:spMkLst>
        </pc:spChg>
      </pc:sldChg>
      <pc:sldChg chg="del">
        <pc:chgData name="Merve Turhan" userId="3594cd17-5953-4511-8d53-8cfc799250e7" providerId="ADAL" clId="{2253CF80-EE2E-450C-8C4C-50AAC8934036}" dt="2021-09-27T08:03:26.761" v="2263" actId="47"/>
        <pc:sldMkLst>
          <pc:docMk/>
          <pc:sldMk cId="3861347911" sldId="282"/>
        </pc:sldMkLst>
      </pc:sldChg>
      <pc:sldChg chg="modSp mod modNotesTx">
        <pc:chgData name="Merve Turhan" userId="3594cd17-5953-4511-8d53-8cfc799250e7" providerId="ADAL" clId="{2253CF80-EE2E-450C-8C4C-50AAC8934036}" dt="2021-09-28T11:10:51.013" v="4554" actId="20577"/>
        <pc:sldMkLst>
          <pc:docMk/>
          <pc:sldMk cId="2776472118" sldId="283"/>
        </pc:sldMkLst>
        <pc:spChg chg="mod">
          <ac:chgData name="Merve Turhan" userId="3594cd17-5953-4511-8d53-8cfc799250e7" providerId="ADAL" clId="{2253CF80-EE2E-450C-8C4C-50AAC8934036}" dt="2021-09-27T09:38:51.283" v="3063" actId="20577"/>
          <ac:spMkLst>
            <pc:docMk/>
            <pc:sldMk cId="2776472118" sldId="283"/>
            <ac:spMk id="2" creationId="{145A5B86-CDEE-4EAD-814B-D0C826FD40F3}"/>
          </ac:spMkLst>
        </pc:spChg>
        <pc:spChg chg="mod">
          <ac:chgData name="Merve Turhan" userId="3594cd17-5953-4511-8d53-8cfc799250e7" providerId="ADAL" clId="{2253CF80-EE2E-450C-8C4C-50AAC8934036}" dt="2021-09-27T09:44:16.677" v="3598" actId="20577"/>
          <ac:spMkLst>
            <pc:docMk/>
            <pc:sldMk cId="2776472118" sldId="283"/>
            <ac:spMk id="3" creationId="{0725F03B-7FF5-4B82-84E1-122CEE6079CC}"/>
          </ac:spMkLst>
        </pc:spChg>
      </pc:sldChg>
      <pc:sldChg chg="modSp mod">
        <pc:chgData name="Merve Turhan" userId="3594cd17-5953-4511-8d53-8cfc799250e7" providerId="ADAL" clId="{2253CF80-EE2E-450C-8C4C-50AAC8934036}" dt="2021-09-27T10:26:49.811" v="4335" actId="20577"/>
        <pc:sldMkLst>
          <pc:docMk/>
          <pc:sldMk cId="4087815578" sldId="284"/>
        </pc:sldMkLst>
        <pc:spChg chg="mod">
          <ac:chgData name="Merve Turhan" userId="3594cd17-5953-4511-8d53-8cfc799250e7" providerId="ADAL" clId="{2253CF80-EE2E-450C-8C4C-50AAC8934036}" dt="2021-09-27T10:26:49.811" v="4335" actId="20577"/>
          <ac:spMkLst>
            <pc:docMk/>
            <pc:sldMk cId="4087815578" sldId="284"/>
            <ac:spMk id="3" creationId="{C5B8305D-FDF3-4D96-BB9A-FED3F2479482}"/>
          </ac:spMkLst>
        </pc:spChg>
      </pc:sldChg>
      <pc:sldChg chg="addSp delSp modSp mod modAnim modNotesTx">
        <pc:chgData name="Merve Turhan" userId="3594cd17-5953-4511-8d53-8cfc799250e7" providerId="ADAL" clId="{2253CF80-EE2E-450C-8C4C-50AAC8934036}" dt="2021-09-28T11:11:01.721" v="4556" actId="20577"/>
        <pc:sldMkLst>
          <pc:docMk/>
          <pc:sldMk cId="1112123526" sldId="285"/>
        </pc:sldMkLst>
        <pc:spChg chg="mod">
          <ac:chgData name="Merve Turhan" userId="3594cd17-5953-4511-8d53-8cfc799250e7" providerId="ADAL" clId="{2253CF80-EE2E-450C-8C4C-50AAC8934036}" dt="2021-09-27T10:37:26.793" v="4377" actId="20577"/>
          <ac:spMkLst>
            <pc:docMk/>
            <pc:sldMk cId="1112123526" sldId="285"/>
            <ac:spMk id="3" creationId="{3E5B23EB-C8CD-4D5E-BE6C-FB30EB007902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4" creationId="{476694C2-AE53-47F3-A2CD-DC95CB2AC06E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5" creationId="{DBBDAAF0-C257-42E8-8778-33F369095B08}"/>
          </ac:spMkLst>
        </pc:spChg>
        <pc:spChg chg="add mod">
          <ac:chgData name="Merve Turhan" userId="3594cd17-5953-4511-8d53-8cfc799250e7" providerId="ADAL" clId="{2253CF80-EE2E-450C-8C4C-50AAC8934036}" dt="2021-09-27T07:02:48.790" v="1136" actId="1076"/>
          <ac:spMkLst>
            <pc:docMk/>
            <pc:sldMk cId="1112123526" sldId="285"/>
            <ac:spMk id="6" creationId="{73F28F7C-FDB7-4C54-B643-59C95F1891CF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7" creationId="{F588C0D0-1BBC-4CD2-94F9-68F2F5734F5A}"/>
          </ac:spMkLst>
        </pc:spChg>
        <pc:spChg chg="add mod">
          <ac:chgData name="Merve Turhan" userId="3594cd17-5953-4511-8d53-8cfc799250e7" providerId="ADAL" clId="{2253CF80-EE2E-450C-8C4C-50AAC8934036}" dt="2021-09-27T07:02:52.976" v="1137" actId="1076"/>
          <ac:spMkLst>
            <pc:docMk/>
            <pc:sldMk cId="1112123526" sldId="285"/>
            <ac:spMk id="8" creationId="{2DC050C8-8D7A-4E39-817D-9374CDFC2110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9" creationId="{B27B1656-AEED-43A4-B4E9-9779CB184DB2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10" creationId="{8EDE5C98-4FEE-4E38-86E4-37D4A2FF80EB}"/>
          </ac:spMkLst>
        </pc:spChg>
        <pc:spChg chg="add del mod">
          <ac:chgData name="Merve Turhan" userId="3594cd17-5953-4511-8d53-8cfc799250e7" providerId="ADAL" clId="{2253CF80-EE2E-450C-8C4C-50AAC8934036}" dt="2021-09-27T07:02:40.617" v="1133" actId="478"/>
          <ac:spMkLst>
            <pc:docMk/>
            <pc:sldMk cId="1112123526" sldId="285"/>
            <ac:spMk id="11" creationId="{B3CAE260-7F56-4828-A201-5DD38DB0003C}"/>
          </ac:spMkLst>
        </pc:spChg>
        <pc:spChg chg="add del mod">
          <ac:chgData name="Merve Turhan" userId="3594cd17-5953-4511-8d53-8cfc799250e7" providerId="ADAL" clId="{2253CF80-EE2E-450C-8C4C-50AAC8934036}" dt="2021-09-27T07:02:38.026" v="1132" actId="478"/>
          <ac:spMkLst>
            <pc:docMk/>
            <pc:sldMk cId="1112123526" sldId="285"/>
            <ac:spMk id="13" creationId="{088A6FBF-41B7-4E1E-B3A4-8B1C5297BA98}"/>
          </ac:spMkLst>
        </pc:spChg>
        <pc:spChg chg="add del mod">
          <ac:chgData name="Merve Turhan" userId="3594cd17-5953-4511-8d53-8cfc799250e7" providerId="ADAL" clId="{2253CF80-EE2E-450C-8C4C-50AAC8934036}" dt="2021-09-27T07:02:30.344" v="1131" actId="478"/>
          <ac:spMkLst>
            <pc:docMk/>
            <pc:sldMk cId="1112123526" sldId="285"/>
            <ac:spMk id="15" creationId="{9EB19D90-01E0-4211-A171-F1AC2534F6AE}"/>
          </ac:spMkLst>
        </pc:spChg>
        <pc:spChg chg="add del mod">
          <ac:chgData name="Merve Turhan" userId="3594cd17-5953-4511-8d53-8cfc799250e7" providerId="ADAL" clId="{2253CF80-EE2E-450C-8C4C-50AAC8934036}" dt="2021-09-27T07:00:17.064" v="1128" actId="478"/>
          <ac:spMkLst>
            <pc:docMk/>
            <pc:sldMk cId="1112123526" sldId="285"/>
            <ac:spMk id="18" creationId="{6E20896F-E2B6-4D06-AFE4-6455DC1B147F}"/>
          </ac:spMkLst>
        </pc:spChg>
        <pc:spChg chg="add del mod">
          <ac:chgData name="Merve Turhan" userId="3594cd17-5953-4511-8d53-8cfc799250e7" providerId="ADAL" clId="{2253CF80-EE2E-450C-8C4C-50AAC8934036}" dt="2021-09-27T07:00:14.562" v="1127" actId="478"/>
          <ac:spMkLst>
            <pc:docMk/>
            <pc:sldMk cId="1112123526" sldId="285"/>
            <ac:spMk id="21" creationId="{60BCE0D8-3EA7-49D6-9254-DAC7AF16D964}"/>
          </ac:spMkLst>
        </pc:spChg>
        <pc:spChg chg="add del">
          <ac:chgData name="Merve Turhan" userId="3594cd17-5953-4511-8d53-8cfc799250e7" providerId="ADAL" clId="{2253CF80-EE2E-450C-8C4C-50AAC8934036}" dt="2021-09-27T07:10:02.922" v="1139" actId="478"/>
          <ac:spMkLst>
            <pc:docMk/>
            <pc:sldMk cId="1112123526" sldId="285"/>
            <ac:spMk id="22" creationId="{1001DC54-C1A7-4DAC-BBC7-21DF780DBFF9}"/>
          </ac:spMkLst>
        </pc:spChg>
        <pc:spChg chg="add mod">
          <ac:chgData name="Merve Turhan" userId="3594cd17-5953-4511-8d53-8cfc799250e7" providerId="ADAL" clId="{2253CF80-EE2E-450C-8C4C-50AAC8934036}" dt="2021-09-27T07:15:59.117" v="1181" actId="1076"/>
          <ac:spMkLst>
            <pc:docMk/>
            <pc:sldMk cId="1112123526" sldId="285"/>
            <ac:spMk id="23" creationId="{69C3123C-73E5-44C3-BE8D-F3DB941FC640}"/>
          </ac:spMkLst>
        </pc:spChg>
        <pc:spChg chg="add mod">
          <ac:chgData name="Merve Turhan" userId="3594cd17-5953-4511-8d53-8cfc799250e7" providerId="ADAL" clId="{2253CF80-EE2E-450C-8C4C-50AAC8934036}" dt="2021-09-27T07:16:22.282" v="1187" actId="13822"/>
          <ac:spMkLst>
            <pc:docMk/>
            <pc:sldMk cId="1112123526" sldId="285"/>
            <ac:spMk id="24" creationId="{BC40C7E2-5E17-436B-9232-E8E1774D4E8D}"/>
          </ac:spMkLst>
        </pc:spChg>
        <pc:spChg chg="add del">
          <ac:chgData name="Merve Turhan" userId="3594cd17-5953-4511-8d53-8cfc799250e7" providerId="ADAL" clId="{2253CF80-EE2E-450C-8C4C-50AAC8934036}" dt="2021-09-27T07:23:17.303" v="1198" actId="478"/>
          <ac:spMkLst>
            <pc:docMk/>
            <pc:sldMk cId="1112123526" sldId="285"/>
            <ac:spMk id="27" creationId="{8FBD137F-D3EA-4DC6-8B97-ABC05077FF29}"/>
          </ac:spMkLst>
        </pc:spChg>
        <pc:spChg chg="add mod">
          <ac:chgData name="Merve Turhan" userId="3594cd17-5953-4511-8d53-8cfc799250e7" providerId="ADAL" clId="{2253CF80-EE2E-450C-8C4C-50AAC8934036}" dt="2021-09-27T07:23:45.371" v="1204" actId="13822"/>
          <ac:spMkLst>
            <pc:docMk/>
            <pc:sldMk cId="1112123526" sldId="285"/>
            <ac:spMk id="28" creationId="{47703B0E-CD2F-42FB-ACAC-2653B940815F}"/>
          </ac:spMkLst>
        </pc:spChg>
        <pc:spChg chg="add mod">
          <ac:chgData name="Merve Turhan" userId="3594cd17-5953-4511-8d53-8cfc799250e7" providerId="ADAL" clId="{2253CF80-EE2E-450C-8C4C-50AAC8934036}" dt="2021-09-27T07:24:21.049" v="1213" actId="1076"/>
          <ac:spMkLst>
            <pc:docMk/>
            <pc:sldMk cId="1112123526" sldId="285"/>
            <ac:spMk id="29" creationId="{66E99AEB-A9A6-4B55-9CD2-58E90233E5C6}"/>
          </ac:spMkLst>
        </pc:spChg>
        <pc:picChg chg="add del mod">
          <ac:chgData name="Merve Turhan" userId="3594cd17-5953-4511-8d53-8cfc799250e7" providerId="ADAL" clId="{2253CF80-EE2E-450C-8C4C-50AAC8934036}" dt="2021-09-27T07:00:07.760" v="1124" actId="478"/>
          <ac:picMkLst>
            <pc:docMk/>
            <pc:sldMk cId="1112123526" sldId="285"/>
            <ac:picMk id="16" creationId="{781E94AF-67D0-403A-9C8C-D532F017FE50}"/>
          </ac:picMkLst>
        </pc:picChg>
        <pc:picChg chg="add del mod">
          <ac:chgData name="Merve Turhan" userId="3594cd17-5953-4511-8d53-8cfc799250e7" providerId="ADAL" clId="{2253CF80-EE2E-450C-8C4C-50AAC8934036}" dt="2021-09-27T07:00:03.788" v="1122" actId="478"/>
          <ac:picMkLst>
            <pc:docMk/>
            <pc:sldMk cId="1112123526" sldId="285"/>
            <ac:picMk id="19" creationId="{D0884933-CAB0-4D20-BE14-5E5EF494A3F3}"/>
          </ac:picMkLst>
        </pc:picChg>
        <pc:cxnChg chg="add del mod">
          <ac:chgData name="Merve Turhan" userId="3594cd17-5953-4511-8d53-8cfc799250e7" providerId="ADAL" clId="{2253CF80-EE2E-450C-8C4C-50AAC8934036}" dt="2021-09-27T07:02:43.007" v="1134" actId="478"/>
          <ac:cxnSpMkLst>
            <pc:docMk/>
            <pc:sldMk cId="1112123526" sldId="285"/>
            <ac:cxnSpMk id="12" creationId="{FE1C7840-986F-4543-BB9F-98583A4F63F3}"/>
          </ac:cxnSpMkLst>
        </pc:cxnChg>
        <pc:cxnChg chg="add del mod">
          <ac:chgData name="Merve Turhan" userId="3594cd17-5953-4511-8d53-8cfc799250e7" providerId="ADAL" clId="{2253CF80-EE2E-450C-8C4C-50AAC8934036}" dt="2021-09-27T07:02:24.220" v="1129" actId="478"/>
          <ac:cxnSpMkLst>
            <pc:docMk/>
            <pc:sldMk cId="1112123526" sldId="285"/>
            <ac:cxnSpMk id="14" creationId="{0852BC8D-7A25-4A71-B658-FD6CBAA5DC35}"/>
          </ac:cxnSpMkLst>
        </pc:cxnChg>
        <pc:cxnChg chg="add del mod">
          <ac:chgData name="Merve Turhan" userId="3594cd17-5953-4511-8d53-8cfc799250e7" providerId="ADAL" clId="{2253CF80-EE2E-450C-8C4C-50AAC8934036}" dt="2021-09-27T07:00:11.327" v="1125" actId="478"/>
          <ac:cxnSpMkLst>
            <pc:docMk/>
            <pc:sldMk cId="1112123526" sldId="285"/>
            <ac:cxnSpMk id="17" creationId="{5D8485BC-A8C4-4AD3-9816-4B831C3BCBCA}"/>
          </ac:cxnSpMkLst>
        </pc:cxnChg>
        <pc:cxnChg chg="add del mod">
          <ac:chgData name="Merve Turhan" userId="3594cd17-5953-4511-8d53-8cfc799250e7" providerId="ADAL" clId="{2253CF80-EE2E-450C-8C4C-50AAC8934036}" dt="2021-09-27T07:00:05.826" v="1123" actId="478"/>
          <ac:cxnSpMkLst>
            <pc:docMk/>
            <pc:sldMk cId="1112123526" sldId="285"/>
            <ac:cxnSpMk id="20" creationId="{37A06E23-A6C1-4823-A20D-A8FF56F35D0E}"/>
          </ac:cxnSpMkLst>
        </pc:cxnChg>
        <pc:cxnChg chg="add del mod">
          <ac:chgData name="Merve Turhan" userId="3594cd17-5953-4511-8d53-8cfc799250e7" providerId="ADAL" clId="{2253CF80-EE2E-450C-8C4C-50AAC8934036}" dt="2021-09-27T07:16:46.202" v="1192" actId="478"/>
          <ac:cxnSpMkLst>
            <pc:docMk/>
            <pc:sldMk cId="1112123526" sldId="285"/>
            <ac:cxnSpMk id="26" creationId="{627CC844-2B84-4F54-851E-060F3E2E8D32}"/>
          </ac:cxnSpMkLst>
        </pc:cxnChg>
      </pc:sldChg>
      <pc:sldChg chg="addSp modSp mod modAnim">
        <pc:chgData name="Merve Turhan" userId="3594cd17-5953-4511-8d53-8cfc799250e7" providerId="ADAL" clId="{2253CF80-EE2E-450C-8C4C-50AAC8934036}" dt="2021-09-27T10:17:16.420" v="4319" actId="20577"/>
        <pc:sldMkLst>
          <pc:docMk/>
          <pc:sldMk cId="366905889" sldId="286"/>
        </pc:sldMkLst>
        <pc:spChg chg="mod">
          <ac:chgData name="Merve Turhan" userId="3594cd17-5953-4511-8d53-8cfc799250e7" providerId="ADAL" clId="{2253CF80-EE2E-450C-8C4C-50AAC8934036}" dt="2021-09-27T06:00:47.503" v="219" actId="20577"/>
          <ac:spMkLst>
            <pc:docMk/>
            <pc:sldMk cId="366905889" sldId="286"/>
            <ac:spMk id="2" creationId="{145A5B86-CDEE-4EAD-814B-D0C826FD40F3}"/>
          </ac:spMkLst>
        </pc:spChg>
        <pc:spChg chg="mod">
          <ac:chgData name="Merve Turhan" userId="3594cd17-5953-4511-8d53-8cfc799250e7" providerId="ADAL" clId="{2253CF80-EE2E-450C-8C4C-50AAC8934036}" dt="2021-09-27T10:17:16.420" v="4319" actId="20577"/>
          <ac:spMkLst>
            <pc:docMk/>
            <pc:sldMk cId="366905889" sldId="286"/>
            <ac:spMk id="3" creationId="{0725F03B-7FF5-4B82-84E1-122CEE6079CC}"/>
          </ac:spMkLst>
        </pc:spChg>
        <pc:spChg chg="mod">
          <ac:chgData name="Merve Turhan" userId="3594cd17-5953-4511-8d53-8cfc799250e7" providerId="ADAL" clId="{2253CF80-EE2E-450C-8C4C-50AAC8934036}" dt="2021-09-27T06:14:41.463" v="488" actId="13822"/>
          <ac:spMkLst>
            <pc:docMk/>
            <pc:sldMk cId="366905889" sldId="286"/>
            <ac:spMk id="5" creationId="{C0E43549-C2F3-4226-8CF6-5A3B88C76930}"/>
          </ac:spMkLst>
        </pc:spChg>
        <pc:spChg chg="mod">
          <ac:chgData name="Merve Turhan" userId="3594cd17-5953-4511-8d53-8cfc799250e7" providerId="ADAL" clId="{2253CF80-EE2E-450C-8C4C-50AAC8934036}" dt="2021-09-27T06:14:47.343" v="490" actId="13822"/>
          <ac:spMkLst>
            <pc:docMk/>
            <pc:sldMk cId="366905889" sldId="286"/>
            <ac:spMk id="7" creationId="{8C106D0A-D965-4685-BB94-2ACB5AF9597B}"/>
          </ac:spMkLst>
        </pc:spChg>
        <pc:spChg chg="mod">
          <ac:chgData name="Merve Turhan" userId="3594cd17-5953-4511-8d53-8cfc799250e7" providerId="ADAL" clId="{2253CF80-EE2E-450C-8C4C-50AAC8934036}" dt="2021-09-27T06:14:33.106" v="486" actId="13822"/>
          <ac:spMkLst>
            <pc:docMk/>
            <pc:sldMk cId="366905889" sldId="286"/>
            <ac:spMk id="8" creationId="{79D7E8FD-5ABF-4C09-B53D-EA9670B7FB8E}"/>
          </ac:spMkLst>
        </pc:spChg>
        <pc:spChg chg="mod">
          <ac:chgData name="Merve Turhan" userId="3594cd17-5953-4511-8d53-8cfc799250e7" providerId="ADAL" clId="{2253CF80-EE2E-450C-8C4C-50AAC8934036}" dt="2021-09-27T06:14:44.538" v="489" actId="13822"/>
          <ac:spMkLst>
            <pc:docMk/>
            <pc:sldMk cId="366905889" sldId="286"/>
            <ac:spMk id="9" creationId="{B01D6B3A-4943-432B-ABB6-0C8FFC81B081}"/>
          </ac:spMkLst>
        </pc:spChg>
        <pc:spChg chg="mod">
          <ac:chgData name="Merve Turhan" userId="3594cd17-5953-4511-8d53-8cfc799250e7" providerId="ADAL" clId="{2253CF80-EE2E-450C-8C4C-50AAC8934036}" dt="2021-09-27T06:14:36.145" v="487" actId="13822"/>
          <ac:spMkLst>
            <pc:docMk/>
            <pc:sldMk cId="366905889" sldId="286"/>
            <ac:spMk id="10" creationId="{4241CF5A-E452-4CC5-A14B-161655AA5210}"/>
          </ac:spMkLst>
        </pc:spChg>
        <pc:spChg chg="mod">
          <ac:chgData name="Merve Turhan" userId="3594cd17-5953-4511-8d53-8cfc799250e7" providerId="ADAL" clId="{2253CF80-EE2E-450C-8C4C-50AAC8934036}" dt="2021-09-27T06:14:50.052" v="491" actId="13822"/>
          <ac:spMkLst>
            <pc:docMk/>
            <pc:sldMk cId="366905889" sldId="286"/>
            <ac:spMk id="12" creationId="{64BB2DB5-8C49-4D99-B31C-F12262415E5E}"/>
          </ac:spMkLst>
        </pc:spChg>
        <pc:spChg chg="add mod">
          <ac:chgData name="Merve Turhan" userId="3594cd17-5953-4511-8d53-8cfc799250e7" providerId="ADAL" clId="{2253CF80-EE2E-450C-8C4C-50AAC8934036}" dt="2021-09-27T06:35:40.866" v="1115" actId="14100"/>
          <ac:spMkLst>
            <pc:docMk/>
            <pc:sldMk cId="366905889" sldId="286"/>
            <ac:spMk id="15" creationId="{4D94C26A-B224-43C2-AD0D-51BB7ACE6C66}"/>
          </ac:spMkLst>
        </pc:spChg>
        <pc:spChg chg="mod">
          <ac:chgData name="Merve Turhan" userId="3594cd17-5953-4511-8d53-8cfc799250e7" providerId="ADAL" clId="{2253CF80-EE2E-450C-8C4C-50AAC8934036}" dt="2021-09-27T06:33:25.094" v="1065" actId="20577"/>
          <ac:spMkLst>
            <pc:docMk/>
            <pc:sldMk cId="366905889" sldId="286"/>
            <ac:spMk id="20" creationId="{4120F6FF-A064-45F6-A472-0AA7C29BAAA3}"/>
          </ac:spMkLst>
        </pc:spChg>
        <pc:spChg chg="add mod">
          <ac:chgData name="Merve Turhan" userId="3594cd17-5953-4511-8d53-8cfc799250e7" providerId="ADAL" clId="{2253CF80-EE2E-450C-8C4C-50AAC8934036}" dt="2021-09-27T06:58:41.079" v="1117" actId="571"/>
          <ac:spMkLst>
            <pc:docMk/>
            <pc:sldMk cId="366905889" sldId="286"/>
            <ac:spMk id="31" creationId="{684A1CFF-4704-41C0-BB41-9A284808BF44}"/>
          </ac:spMkLst>
        </pc:spChg>
        <pc:picChg chg="add mod">
          <ac:chgData name="Merve Turhan" userId="3594cd17-5953-4511-8d53-8cfc799250e7" providerId="ADAL" clId="{2253CF80-EE2E-450C-8C4C-50AAC8934036}" dt="2021-09-27T06:11:59.393" v="456" actId="1076"/>
          <ac:picMkLst>
            <pc:docMk/>
            <pc:sldMk cId="366905889" sldId="286"/>
            <ac:picMk id="23" creationId="{540B4D64-E197-4715-8161-40541E300388}"/>
          </ac:picMkLst>
        </pc:picChg>
        <pc:picChg chg="add mod">
          <ac:chgData name="Merve Turhan" userId="3594cd17-5953-4511-8d53-8cfc799250e7" providerId="ADAL" clId="{2253CF80-EE2E-450C-8C4C-50AAC8934036}" dt="2021-09-27T06:58:41.079" v="1117" actId="571"/>
          <ac:picMkLst>
            <pc:docMk/>
            <pc:sldMk cId="366905889" sldId="286"/>
            <ac:picMk id="29" creationId="{8262E870-11CA-49D5-879E-42046BC80F11}"/>
          </ac:picMkLst>
        </pc:picChg>
        <pc:cxnChg chg="add mod">
          <ac:chgData name="Merve Turhan" userId="3594cd17-5953-4511-8d53-8cfc799250e7" providerId="ADAL" clId="{2253CF80-EE2E-450C-8C4C-50AAC8934036}" dt="2021-09-27T06:12:10.531" v="458" actId="13822"/>
          <ac:cxnSpMkLst>
            <pc:docMk/>
            <pc:sldMk cId="366905889" sldId="286"/>
            <ac:cxnSpMk id="11" creationId="{A55821FB-0521-45E6-B7A3-D2B3D64CCB14}"/>
          </ac:cxnSpMkLst>
        </pc:cxnChg>
        <pc:cxnChg chg="mod">
          <ac:chgData name="Merve Turhan" userId="3594cd17-5953-4511-8d53-8cfc799250e7" providerId="ADAL" clId="{2253CF80-EE2E-450C-8C4C-50AAC8934036}" dt="2021-09-27T06:29:39.312" v="887" actId="14100"/>
          <ac:cxnSpMkLst>
            <pc:docMk/>
            <pc:sldMk cId="366905889" sldId="286"/>
            <ac:cxnSpMk id="19" creationId="{3D78AF13-4728-4997-8130-FFE2E37B4AA3}"/>
          </ac:cxnSpMkLst>
        </pc:cxnChg>
        <pc:cxnChg chg="add mod">
          <ac:chgData name="Merve Turhan" userId="3594cd17-5953-4511-8d53-8cfc799250e7" providerId="ADAL" clId="{2253CF80-EE2E-450C-8C4C-50AAC8934036}" dt="2021-09-27T06:58:41.079" v="1117" actId="571"/>
          <ac:cxnSpMkLst>
            <pc:docMk/>
            <pc:sldMk cId="366905889" sldId="286"/>
            <ac:cxnSpMk id="30" creationId="{EFF4EE8A-45B9-404C-9E01-EDCD04F629EB}"/>
          </ac:cxnSpMkLst>
        </pc:cxnChg>
      </pc:sldChg>
      <pc:sldChg chg="modSp mod ord">
        <pc:chgData name="Merve Turhan" userId="3594cd17-5953-4511-8d53-8cfc799250e7" providerId="ADAL" clId="{2253CF80-EE2E-450C-8C4C-50AAC8934036}" dt="2021-09-27T08:03:44.071" v="2279" actId="20577"/>
        <pc:sldMkLst>
          <pc:docMk/>
          <pc:sldMk cId="3680066909" sldId="287"/>
        </pc:sldMkLst>
        <pc:spChg chg="mod">
          <ac:chgData name="Merve Turhan" userId="3594cd17-5953-4511-8d53-8cfc799250e7" providerId="ADAL" clId="{2253CF80-EE2E-450C-8C4C-50AAC8934036}" dt="2021-09-27T08:03:44.071" v="2279" actId="20577"/>
          <ac:spMkLst>
            <pc:docMk/>
            <pc:sldMk cId="3680066909" sldId="287"/>
            <ac:spMk id="2" creationId="{C492E6BA-BC28-4777-AE9E-122F4EF9F5CC}"/>
          </ac:spMkLst>
        </pc:spChg>
      </pc:sldChg>
      <pc:sldChg chg="modSp add mod modNotesTx">
        <pc:chgData name="Merve Turhan" userId="3594cd17-5953-4511-8d53-8cfc799250e7" providerId="ADAL" clId="{2253CF80-EE2E-450C-8C4C-50AAC8934036}" dt="2021-09-28T11:11:04.549" v="4557" actId="20577"/>
        <pc:sldMkLst>
          <pc:docMk/>
          <pc:sldMk cId="3820671608" sldId="288"/>
        </pc:sldMkLst>
        <pc:spChg chg="mod">
          <ac:chgData name="Merve Turhan" userId="3594cd17-5953-4511-8d53-8cfc799250e7" providerId="ADAL" clId="{2253CF80-EE2E-450C-8C4C-50AAC8934036}" dt="2021-09-27T08:00:41.806" v="2140" actId="20577"/>
          <ac:spMkLst>
            <pc:docMk/>
            <pc:sldMk cId="3820671608" sldId="288"/>
            <ac:spMk id="3" creationId="{3E5B23EB-C8CD-4D5E-BE6C-FB30EB007902}"/>
          </ac:spMkLst>
        </pc:spChg>
      </pc:sldChg>
      <pc:sldChg chg="modSp new del mod">
        <pc:chgData name="Merve Turhan" userId="3594cd17-5953-4511-8d53-8cfc799250e7" providerId="ADAL" clId="{2253CF80-EE2E-450C-8C4C-50AAC8934036}" dt="2021-09-27T09:17:11.221" v="2905" actId="47"/>
        <pc:sldMkLst>
          <pc:docMk/>
          <pc:sldMk cId="1502941630" sldId="289"/>
        </pc:sldMkLst>
        <pc:spChg chg="mod">
          <ac:chgData name="Merve Turhan" userId="3594cd17-5953-4511-8d53-8cfc799250e7" providerId="ADAL" clId="{2253CF80-EE2E-450C-8C4C-50AAC8934036}" dt="2021-09-27T09:16:34.151" v="2892" actId="20577"/>
          <ac:spMkLst>
            <pc:docMk/>
            <pc:sldMk cId="1502941630" sldId="289"/>
            <ac:spMk id="2" creationId="{C2196E3F-88DF-4DB5-9255-5E473DE42166}"/>
          </ac:spMkLst>
        </pc:spChg>
      </pc:sldChg>
      <pc:sldMasterChg chg="modSldLayout">
        <pc:chgData name="Merve Turhan" userId="3594cd17-5953-4511-8d53-8cfc799250e7" providerId="ADAL" clId="{2253CF80-EE2E-450C-8C4C-50AAC8934036}" dt="2021-09-28T11:21:03.668" v="4722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2253CF80-EE2E-450C-8C4C-50AAC8934036}" dt="2021-09-28T11:21:03.363" v="4562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2253CF80-EE2E-450C-8C4C-50AAC8934036}" dt="2021-09-28T11:21:03.363" v="4562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381" v="4570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2253CF80-EE2E-450C-8C4C-50AAC8934036}" dt="2021-09-28T11:21:03.381" v="4570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388" v="4574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2253CF80-EE2E-450C-8C4C-50AAC8934036}" dt="2021-09-28T11:21:03.388" v="4574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395" v="4578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2253CF80-EE2E-450C-8C4C-50AAC8934036}" dt="2021-09-28T11:21:03.395" v="4578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03" v="4582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2253CF80-EE2E-450C-8C4C-50AAC8934036}" dt="2021-09-28T11:21:03.403" v="4582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09" v="4586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2253CF80-EE2E-450C-8C4C-50AAC8934036}" dt="2021-09-28T11:21:03.409" v="4586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16" v="4590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2253CF80-EE2E-450C-8C4C-50AAC8934036}" dt="2021-09-28T11:21:03.416" v="4590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21" v="4594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2253CF80-EE2E-450C-8C4C-50AAC8934036}" dt="2021-09-28T11:21:03.421" v="4594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28" v="4598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2253CF80-EE2E-450C-8C4C-50AAC8934036}" dt="2021-09-28T11:21:03.428" v="4598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34" v="4602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2253CF80-EE2E-450C-8C4C-50AAC8934036}" dt="2021-09-28T11:21:03.434" v="4602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44" v="4606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2253CF80-EE2E-450C-8C4C-50AAC8934036}" dt="2021-09-28T11:21:03.444" v="4606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59" v="4614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2253CF80-EE2E-450C-8C4C-50AAC8934036}" dt="2021-09-28T11:21:03.459" v="4614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25" v="4646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2253CF80-EE2E-450C-8C4C-50AAC8934036}" dt="2021-09-28T11:21:03.525" v="4646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79" v="4674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2253CF80-EE2E-450C-8C4C-50AAC8934036}" dt="2021-09-28T11:21:03.579" v="4674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85" v="4678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2253CF80-EE2E-450C-8C4C-50AAC8934036}" dt="2021-09-28T11:21:03.585" v="4678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28" v="4702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2253CF80-EE2E-450C-8C4C-50AAC8934036}" dt="2021-09-28T11:21:03.628" v="4702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34" v="4706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2253CF80-EE2E-450C-8C4C-50AAC8934036}" dt="2021-09-28T11:21:03.634" v="4706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43" v="4710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2253CF80-EE2E-450C-8C4C-50AAC8934036}" dt="2021-09-28T11:21:03.643" v="4710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52" v="4714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2253CF80-EE2E-450C-8C4C-50AAC8934036}" dt="2021-09-28T11:21:03.652" v="4714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68" v="4722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2253CF80-EE2E-450C-8C4C-50AAC8934036}" dt="2021-09-28T11:21:03.668" v="4722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45" v="4658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2253CF80-EE2E-450C-8C4C-50AAC8934036}" dt="2021-09-28T11:21:03.545" v="4658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50" v="4662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2253CF80-EE2E-450C-8C4C-50AAC8934036}" dt="2021-09-28T11:21:03.550" v="4662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56" v="4666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2253CF80-EE2E-450C-8C4C-50AAC8934036}" dt="2021-09-28T11:21:03.556" v="4666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66" v="4670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2253CF80-EE2E-450C-8C4C-50AAC8934036}" dt="2021-09-28T11:21:03.566" v="4670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93" v="4682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2253CF80-EE2E-450C-8C4C-50AAC8934036}" dt="2021-09-28T11:21:03.593" v="4682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00" v="4686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2253CF80-EE2E-450C-8C4C-50AAC8934036}" dt="2021-09-28T11:21:03.600" v="4686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07" v="4690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2253CF80-EE2E-450C-8C4C-50AAC8934036}" dt="2021-09-28T11:21:03.607" v="4690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15" v="4694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2253CF80-EE2E-450C-8C4C-50AAC8934036}" dt="2021-09-28T11:21:03.615" v="4694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61" v="4718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2253CF80-EE2E-450C-8C4C-50AAC8934036}" dt="2021-09-28T11:21:03.661" v="4718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52" v="4610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2253CF80-EE2E-450C-8C4C-50AAC8934036}" dt="2021-09-28T11:21:03.452" v="4610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372" v="4566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2253CF80-EE2E-450C-8C4C-50AAC8934036}" dt="2021-09-28T11:21:03.372" v="4566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37" v="4654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2253CF80-EE2E-450C-8C4C-50AAC8934036}" dt="2021-09-28T11:21:03.537" v="4654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22" v="4698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2253CF80-EE2E-450C-8C4C-50AAC8934036}" dt="2021-09-28T11:21:03.622" v="4698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66" v="4618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2253CF80-EE2E-450C-8C4C-50AAC8934036}" dt="2021-09-28T11:21:03.466" v="4618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72" v="4622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2253CF80-EE2E-450C-8C4C-50AAC8934036}" dt="2021-09-28T11:21:03.472" v="4622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80" v="4626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2253CF80-EE2E-450C-8C4C-50AAC8934036}" dt="2021-09-28T11:21:03.480" v="4626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87" v="4630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2253CF80-EE2E-450C-8C4C-50AAC8934036}" dt="2021-09-28T11:21:03.487" v="4630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98" v="4634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2253CF80-EE2E-450C-8C4C-50AAC8934036}" dt="2021-09-28T11:21:03.498" v="4634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05" v="4638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2253CF80-EE2E-450C-8C4C-50AAC8934036}" dt="2021-09-28T11:21:03.505" v="4638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18" v="4642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2253CF80-EE2E-450C-8C4C-50AAC8934036}" dt="2021-09-28T11:21:03.518" v="4642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31" v="4650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2253CF80-EE2E-450C-8C4C-50AAC8934036}" dt="2021-09-28T11:21:03.531" v="4650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ac62be27-690b-42bb-ae39-d787d15a1823" providerId="ADAL" clId="{A112BAF0-C041-42F2-A41A-EC6E32F49326}"/>
    <pc:docChg chg="undo redo custSel addSld delSld modSld sldOrd modMainMaster">
      <pc:chgData name="Thomas Nyman" userId="ac62be27-690b-42bb-ae39-d787d15a1823" providerId="ADAL" clId="{A112BAF0-C041-42F2-A41A-EC6E32F49326}" dt="2021-10-20T15:14:24.702" v="10162"/>
      <pc:docMkLst>
        <pc:docMk/>
      </pc:docMkLst>
      <pc:sldChg chg="modSp mod">
        <pc:chgData name="Thomas Nyman" userId="ac62be27-690b-42bb-ae39-d787d15a1823" providerId="ADAL" clId="{A112BAF0-C041-42F2-A41A-EC6E32F49326}" dt="2021-10-18T09:53:20.316" v="9916" actId="6549"/>
        <pc:sldMkLst>
          <pc:docMk/>
          <pc:sldMk cId="1383928708" sldId="261"/>
        </pc:sldMkLst>
        <pc:spChg chg="mod">
          <ac:chgData name="Thomas Nyman" userId="ac62be27-690b-42bb-ae39-d787d15a1823" providerId="ADAL" clId="{A112BAF0-C041-42F2-A41A-EC6E32F49326}" dt="2021-10-18T09:53:20.316" v="9916" actId="6549"/>
          <ac:spMkLst>
            <pc:docMk/>
            <pc:sldMk cId="1383928708" sldId="261"/>
            <ac:spMk id="4" creationId="{6FF69E04-8523-4965-90ED-73D4F9BAE271}"/>
          </ac:spMkLst>
        </pc:spChg>
      </pc:sldChg>
      <pc:sldChg chg="modSp mod addCm modCm">
        <pc:chgData name="Thomas Nyman" userId="ac62be27-690b-42bb-ae39-d787d15a1823" providerId="ADAL" clId="{A112BAF0-C041-42F2-A41A-EC6E32F49326}" dt="2021-10-11T11:51:31.245" v="5920"/>
        <pc:sldMkLst>
          <pc:docMk/>
          <pc:sldMk cId="3709959988" sldId="270"/>
        </pc:sldMkLst>
        <pc:spChg chg="mod">
          <ac:chgData name="Thomas Nyman" userId="ac62be27-690b-42bb-ae39-d787d15a1823" providerId="ADAL" clId="{A112BAF0-C041-42F2-A41A-EC6E32F49326}" dt="2021-10-08T15:34:25.718" v="3080" actId="20577"/>
          <ac:spMkLst>
            <pc:docMk/>
            <pc:sldMk cId="3709959988" sldId="270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08T15:34:21.660" v="3076" actId="20577"/>
          <ac:spMkLst>
            <pc:docMk/>
            <pc:sldMk cId="3709959988" sldId="270"/>
            <ac:spMk id="5" creationId="{393A08AF-E8DD-44C5-A85C-B1192DD283A4}"/>
          </ac:spMkLst>
        </pc:spChg>
      </pc:sldChg>
      <pc:sldChg chg="addSp delSp modSp mod">
        <pc:chgData name="Thomas Nyman" userId="ac62be27-690b-42bb-ae39-d787d15a1823" providerId="ADAL" clId="{A112BAF0-C041-42F2-A41A-EC6E32F49326}" dt="2021-10-18T09:31:40.449" v="9702" actId="20577"/>
        <pc:sldMkLst>
          <pc:docMk/>
          <pc:sldMk cId="2230748882" sldId="271"/>
        </pc:sldMkLst>
        <pc:spChg chg="del">
          <ac:chgData name="Thomas Nyman" userId="ac62be27-690b-42bb-ae39-d787d15a1823" providerId="ADAL" clId="{A112BAF0-C041-42F2-A41A-EC6E32F49326}" dt="2021-10-08T15:24:42.482" v="2869" actId="931"/>
          <ac:spMkLst>
            <pc:docMk/>
            <pc:sldMk cId="2230748882" sldId="271"/>
            <ac:spMk id="2" creationId="{F54D311D-2157-4A35-9F56-0E8FE9FDD7BC}"/>
          </ac:spMkLst>
        </pc:spChg>
        <pc:spChg chg="mod">
          <ac:chgData name="Thomas Nyman" userId="ac62be27-690b-42bb-ae39-d787d15a1823" providerId="ADAL" clId="{A112BAF0-C041-42F2-A41A-EC6E32F49326}" dt="2021-10-18T09:31:20.520" v="9091" actId="790"/>
          <ac:spMkLst>
            <pc:docMk/>
            <pc:sldMk cId="2230748882" sldId="271"/>
            <ac:spMk id="3" creationId="{17D5CE7D-CCF0-44B0-843A-8D46859C44EE}"/>
          </ac:spMkLst>
        </pc:spChg>
        <pc:spChg chg="mod">
          <ac:chgData name="Thomas Nyman" userId="ac62be27-690b-42bb-ae39-d787d15a1823" providerId="ADAL" clId="{A112BAF0-C041-42F2-A41A-EC6E32F49326}" dt="2021-10-18T09:31:20.521" v="9092" actId="790"/>
          <ac:spMkLst>
            <pc:docMk/>
            <pc:sldMk cId="2230748882" sldId="271"/>
            <ac:spMk id="4" creationId="{6A927E07-3624-45B8-934B-C229726CA813}"/>
          </ac:spMkLst>
        </pc:spChg>
        <pc:spChg chg="mod">
          <ac:chgData name="Thomas Nyman" userId="ac62be27-690b-42bb-ae39-d787d15a1823" providerId="ADAL" clId="{A112BAF0-C041-42F2-A41A-EC6E32F49326}" dt="2021-10-18T09:31:20.522" v="9093" actId="790"/>
          <ac:spMkLst>
            <pc:docMk/>
            <pc:sldMk cId="2230748882" sldId="271"/>
            <ac:spMk id="5" creationId="{0D8DE8B4-7BAB-4C18-A0E5-01D3A11D374F}"/>
          </ac:spMkLst>
        </pc:spChg>
        <pc:spChg chg="mod">
          <ac:chgData name="Thomas Nyman" userId="ac62be27-690b-42bb-ae39-d787d15a1823" providerId="ADAL" clId="{A112BAF0-C041-42F2-A41A-EC6E32F49326}" dt="2021-10-18T09:31:20.523" v="9094" actId="790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Thomas Nyman" userId="ac62be27-690b-42bb-ae39-d787d15a1823" providerId="ADAL" clId="{A112BAF0-C041-42F2-A41A-EC6E32F49326}" dt="2021-10-18T09:31:40.449" v="9702" actId="20577"/>
          <ac:spMkLst>
            <pc:docMk/>
            <pc:sldMk cId="2230748882" sldId="271"/>
            <ac:spMk id="7" creationId="{0BF70DC3-66C9-451C-917E-BA44956D1DBD}"/>
          </ac:spMkLst>
        </pc:spChg>
        <pc:picChg chg="add mod">
          <ac:chgData name="Thomas Nyman" userId="ac62be27-690b-42bb-ae39-d787d15a1823" providerId="ADAL" clId="{A112BAF0-C041-42F2-A41A-EC6E32F49326}" dt="2021-10-08T15:24:53.210" v="2871" actId="14100"/>
          <ac:picMkLst>
            <pc:docMk/>
            <pc:sldMk cId="2230748882" sldId="271"/>
            <ac:picMk id="9" creationId="{9500E495-8358-46C8-8A6B-C78D3ACFD3D0}"/>
          </ac:picMkLst>
        </pc:picChg>
      </pc:sldChg>
      <pc:sldChg chg="modSp mod">
        <pc:chgData name="Thomas Nyman" userId="ac62be27-690b-42bb-ae39-d787d15a1823" providerId="ADAL" clId="{A112BAF0-C041-42F2-A41A-EC6E32F49326}" dt="2021-10-18T09:31:20.712" v="9330" actId="790"/>
        <pc:sldMkLst>
          <pc:docMk/>
          <pc:sldMk cId="2202449239" sldId="274"/>
        </pc:sldMkLst>
        <pc:spChg chg="mod">
          <ac:chgData name="Thomas Nyman" userId="ac62be27-690b-42bb-ae39-d787d15a1823" providerId="ADAL" clId="{A112BAF0-C041-42F2-A41A-EC6E32F49326}" dt="2021-10-18T09:31:20.702" v="9315" actId="790"/>
          <ac:spMkLst>
            <pc:docMk/>
            <pc:sldMk cId="2202449239" sldId="274"/>
            <ac:spMk id="2" creationId="{AB77B8F4-4DA4-4B3F-94FB-3703E1118225}"/>
          </ac:spMkLst>
        </pc:spChg>
        <pc:spChg chg="mod">
          <ac:chgData name="Thomas Nyman" userId="ac62be27-690b-42bb-ae39-d787d15a1823" providerId="ADAL" clId="{A112BAF0-C041-42F2-A41A-EC6E32F49326}" dt="2021-10-18T09:31:20.706" v="9323"/>
          <ac:spMkLst>
            <pc:docMk/>
            <pc:sldMk cId="2202449239" sldId="274"/>
            <ac:spMk id="3" creationId="{6D0402A5-6930-4084-A337-7AB11902FC40}"/>
          </ac:spMkLst>
        </pc:spChg>
        <pc:spChg chg="mod">
          <ac:chgData name="Thomas Nyman" userId="ac62be27-690b-42bb-ae39-d787d15a1823" providerId="ADAL" clId="{A112BAF0-C041-42F2-A41A-EC6E32F49326}" dt="2021-10-18T09:31:20.711" v="9328" actId="790"/>
          <ac:spMkLst>
            <pc:docMk/>
            <pc:sldMk cId="2202449239" sldId="274"/>
            <ac:spMk id="5" creationId="{181921E7-AE99-4279-9C3F-623CF708C9F1}"/>
          </ac:spMkLst>
        </pc:spChg>
        <pc:spChg chg="mod">
          <ac:chgData name="Thomas Nyman" userId="ac62be27-690b-42bb-ae39-d787d15a1823" providerId="ADAL" clId="{A112BAF0-C041-42F2-A41A-EC6E32F49326}" dt="2021-10-18T09:31:20.707" v="9325" actId="790"/>
          <ac:spMkLst>
            <pc:docMk/>
            <pc:sldMk cId="2202449239" sldId="274"/>
            <ac:spMk id="6" creationId="{192E595F-93FD-4FD1-A68B-BD40A45C8928}"/>
          </ac:spMkLst>
        </pc:spChg>
        <pc:spChg chg="mod">
          <ac:chgData name="Thomas Nyman" userId="ac62be27-690b-42bb-ae39-d787d15a1823" providerId="ADAL" clId="{A112BAF0-C041-42F2-A41A-EC6E32F49326}" dt="2021-10-18T09:31:20.712" v="9329" actId="790"/>
          <ac:spMkLst>
            <pc:docMk/>
            <pc:sldMk cId="2202449239" sldId="274"/>
            <ac:spMk id="7" creationId="{1D18CE50-C52D-438F-A91C-B4729CA511EA}"/>
          </ac:spMkLst>
        </pc:spChg>
        <pc:spChg chg="mod">
          <ac:chgData name="Thomas Nyman" userId="ac62be27-690b-42bb-ae39-d787d15a1823" providerId="ADAL" clId="{A112BAF0-C041-42F2-A41A-EC6E32F49326}" dt="2021-10-18T09:31:20.701" v="9312"/>
          <ac:spMkLst>
            <pc:docMk/>
            <pc:sldMk cId="2202449239" sldId="274"/>
            <ac:spMk id="8" creationId="{FD5F01C6-032B-4444-ADA8-356791C6E3CC}"/>
          </ac:spMkLst>
        </pc:spChg>
        <pc:spChg chg="mod">
          <ac:chgData name="Thomas Nyman" userId="ac62be27-690b-42bb-ae39-d787d15a1823" providerId="ADAL" clId="{A112BAF0-C041-42F2-A41A-EC6E32F49326}" dt="2021-10-18T09:31:20.701" v="9314"/>
          <ac:spMkLst>
            <pc:docMk/>
            <pc:sldMk cId="2202449239" sldId="274"/>
            <ac:spMk id="9" creationId="{1D5E7CAC-94F5-4596-83E1-7DB62F81B6A5}"/>
          </ac:spMkLst>
        </pc:spChg>
        <pc:spChg chg="mod">
          <ac:chgData name="Thomas Nyman" userId="ac62be27-690b-42bb-ae39-d787d15a1823" providerId="ADAL" clId="{A112BAF0-C041-42F2-A41A-EC6E32F49326}" dt="2021-10-18T09:31:20.702" v="9316"/>
          <ac:spMkLst>
            <pc:docMk/>
            <pc:sldMk cId="2202449239" sldId="274"/>
            <ac:spMk id="11" creationId="{A919DE69-9424-4956-BBDA-1582BEA45DEC}"/>
          </ac:spMkLst>
        </pc:spChg>
        <pc:spChg chg="mod">
          <ac:chgData name="Thomas Nyman" userId="ac62be27-690b-42bb-ae39-d787d15a1823" providerId="ADAL" clId="{A112BAF0-C041-42F2-A41A-EC6E32F49326}" dt="2021-10-18T09:31:20.701" v="9313"/>
          <ac:spMkLst>
            <pc:docMk/>
            <pc:sldMk cId="2202449239" sldId="274"/>
            <ac:spMk id="12" creationId="{E8CFC069-8D85-4824-9978-BC41CF5A55FF}"/>
          </ac:spMkLst>
        </pc:spChg>
        <pc:spChg chg="mod">
          <ac:chgData name="Thomas Nyman" userId="ac62be27-690b-42bb-ae39-d787d15a1823" providerId="ADAL" clId="{A112BAF0-C041-42F2-A41A-EC6E32F49326}" dt="2021-10-18T09:31:20.703" v="9317" actId="790"/>
          <ac:spMkLst>
            <pc:docMk/>
            <pc:sldMk cId="2202449239" sldId="274"/>
            <ac:spMk id="13" creationId="{F5C4EC0F-88A1-4417-8103-63B2EBB1A1E4}"/>
          </ac:spMkLst>
        </pc:spChg>
        <pc:spChg chg="mod">
          <ac:chgData name="Thomas Nyman" userId="ac62be27-690b-42bb-ae39-d787d15a1823" providerId="ADAL" clId="{A112BAF0-C041-42F2-A41A-EC6E32F49326}" dt="2021-10-18T09:31:20.703" v="9318"/>
          <ac:spMkLst>
            <pc:docMk/>
            <pc:sldMk cId="2202449239" sldId="274"/>
            <ac:spMk id="14" creationId="{07714B90-E557-46CC-A6A5-39A2E87674AD}"/>
          </ac:spMkLst>
        </pc:spChg>
        <pc:spChg chg="mod">
          <ac:chgData name="Thomas Nyman" userId="ac62be27-690b-42bb-ae39-d787d15a1823" providerId="ADAL" clId="{A112BAF0-C041-42F2-A41A-EC6E32F49326}" dt="2021-10-18T09:31:20.704" v="9319"/>
          <ac:spMkLst>
            <pc:docMk/>
            <pc:sldMk cId="2202449239" sldId="274"/>
            <ac:spMk id="15" creationId="{F4EF217F-D926-47F8-BD00-4DA8EE59B3B6}"/>
          </ac:spMkLst>
        </pc:spChg>
        <pc:spChg chg="mod">
          <ac:chgData name="Thomas Nyman" userId="ac62be27-690b-42bb-ae39-d787d15a1823" providerId="ADAL" clId="{A112BAF0-C041-42F2-A41A-EC6E32F49326}" dt="2021-10-18T09:31:20.704" v="9320"/>
          <ac:spMkLst>
            <pc:docMk/>
            <pc:sldMk cId="2202449239" sldId="274"/>
            <ac:spMk id="16" creationId="{D3DE39E8-738C-4866-B986-61CE36B6C287}"/>
          </ac:spMkLst>
        </pc:spChg>
        <pc:spChg chg="mod">
          <ac:chgData name="Thomas Nyman" userId="ac62be27-690b-42bb-ae39-d787d15a1823" providerId="ADAL" clId="{A112BAF0-C041-42F2-A41A-EC6E32F49326}" dt="2021-10-18T09:31:20.712" v="9330" actId="790"/>
          <ac:spMkLst>
            <pc:docMk/>
            <pc:sldMk cId="2202449239" sldId="274"/>
            <ac:spMk id="23" creationId="{F93DDC71-84B2-428C-AEB7-A90058FC904B}"/>
          </ac:spMkLst>
        </pc:spChg>
        <pc:spChg chg="mod">
          <ac:chgData name="Thomas Nyman" userId="ac62be27-690b-42bb-ae39-d787d15a1823" providerId="ADAL" clId="{A112BAF0-C041-42F2-A41A-EC6E32F49326}" dt="2021-10-18T09:31:20.705" v="9321" actId="790"/>
          <ac:spMkLst>
            <pc:docMk/>
            <pc:sldMk cId="2202449239" sldId="274"/>
            <ac:spMk id="26" creationId="{6F09682A-04DB-4308-9342-B4DC69EAF5B4}"/>
          </ac:spMkLst>
        </pc:spChg>
        <pc:spChg chg="mod">
          <ac:chgData name="Thomas Nyman" userId="ac62be27-690b-42bb-ae39-d787d15a1823" providerId="ADAL" clId="{A112BAF0-C041-42F2-A41A-EC6E32F49326}" dt="2021-10-18T09:31:20.710" v="9327" actId="790"/>
          <ac:spMkLst>
            <pc:docMk/>
            <pc:sldMk cId="2202449239" sldId="274"/>
            <ac:spMk id="31" creationId="{DBCEEDC6-5F87-4AC5-AFCC-94D7CF5E7667}"/>
          </ac:spMkLst>
        </pc:spChg>
        <pc:spChg chg="mod">
          <ac:chgData name="Thomas Nyman" userId="ac62be27-690b-42bb-ae39-d787d15a1823" providerId="ADAL" clId="{A112BAF0-C041-42F2-A41A-EC6E32F49326}" dt="2021-10-18T09:31:20.705" v="9322" actId="790"/>
          <ac:spMkLst>
            <pc:docMk/>
            <pc:sldMk cId="2202449239" sldId="274"/>
            <ac:spMk id="32" creationId="{EC7ADF0D-10E4-464A-A6A0-6320792DE604}"/>
          </ac:spMkLst>
        </pc:spChg>
        <pc:spChg chg="mod">
          <ac:chgData name="Thomas Nyman" userId="ac62be27-690b-42bb-ae39-d787d15a1823" providerId="ADAL" clId="{A112BAF0-C041-42F2-A41A-EC6E32F49326}" dt="2021-10-18T09:31:20.706" v="9324"/>
          <ac:spMkLst>
            <pc:docMk/>
            <pc:sldMk cId="2202449239" sldId="274"/>
            <ac:spMk id="40" creationId="{F4035454-FA35-498B-85E7-EF66D6CF2CEC}"/>
          </ac:spMkLst>
        </pc:spChg>
        <pc:spChg chg="mod">
          <ac:chgData name="Thomas Nyman" userId="ac62be27-690b-42bb-ae39-d787d15a1823" providerId="ADAL" clId="{A112BAF0-C041-42F2-A41A-EC6E32F49326}" dt="2021-10-18T09:31:20.707" v="9326" actId="790"/>
          <ac:spMkLst>
            <pc:docMk/>
            <pc:sldMk cId="2202449239" sldId="274"/>
            <ac:spMk id="42" creationId="{D317E64A-91E6-4434-8062-C3D35D24D213}"/>
          </ac:spMkLst>
        </pc:spChg>
      </pc:sldChg>
      <pc:sldChg chg="modSp mod addCm modCm">
        <pc:chgData name="Thomas Nyman" userId="ac62be27-690b-42bb-ae39-d787d15a1823" providerId="ADAL" clId="{A112BAF0-C041-42F2-A41A-EC6E32F49326}" dt="2021-10-18T09:31:20.629" v="9209"/>
        <pc:sldMkLst>
          <pc:docMk/>
          <pc:sldMk cId="4073443622" sldId="275"/>
        </pc:sldMkLst>
        <pc:spChg chg="mod">
          <ac:chgData name="Thomas Nyman" userId="ac62be27-690b-42bb-ae39-d787d15a1823" providerId="ADAL" clId="{A112BAF0-C041-42F2-A41A-EC6E32F49326}" dt="2021-10-18T09:31:20.620" v="9195" actId="790"/>
          <ac:spMkLst>
            <pc:docMk/>
            <pc:sldMk cId="4073443622" sldId="275"/>
            <ac:spMk id="2" creationId="{145A5B86-CDEE-4EAD-814B-D0C826FD40F3}"/>
          </ac:spMkLst>
        </pc:spChg>
        <pc:spChg chg="mod">
          <ac:chgData name="Thomas Nyman" userId="ac62be27-690b-42bb-ae39-d787d15a1823" providerId="ADAL" clId="{A112BAF0-C041-42F2-A41A-EC6E32F49326}" dt="2021-10-18T09:31:20.622" v="9196"/>
          <ac:spMkLst>
            <pc:docMk/>
            <pc:sldMk cId="4073443622" sldId="275"/>
            <ac:spMk id="3" creationId="{0725F03B-7FF5-4B82-84E1-122CEE6079CC}"/>
          </ac:spMkLst>
        </pc:spChg>
        <pc:spChg chg="mod">
          <ac:chgData name="Thomas Nyman" userId="ac62be27-690b-42bb-ae39-d787d15a1823" providerId="ADAL" clId="{A112BAF0-C041-42F2-A41A-EC6E32F49326}" dt="2021-10-18T09:31:20.623" v="9198"/>
          <ac:spMkLst>
            <pc:docMk/>
            <pc:sldMk cId="4073443622" sldId="275"/>
            <ac:spMk id="5" creationId="{C0E43549-C2F3-4226-8CF6-5A3B88C76930}"/>
          </ac:spMkLst>
        </pc:spChg>
        <pc:spChg chg="mod">
          <ac:chgData name="Thomas Nyman" userId="ac62be27-690b-42bb-ae39-d787d15a1823" providerId="ADAL" clId="{A112BAF0-C041-42F2-A41A-EC6E32F49326}" dt="2021-10-18T09:31:20.623" v="9197" actId="790"/>
          <ac:spMkLst>
            <pc:docMk/>
            <pc:sldMk cId="4073443622" sldId="275"/>
            <ac:spMk id="6" creationId="{0BF68993-B3F5-44AD-A7C7-CD355E77AE73}"/>
          </ac:spMkLst>
        </pc:spChg>
        <pc:spChg chg="mod">
          <ac:chgData name="Thomas Nyman" userId="ac62be27-690b-42bb-ae39-d787d15a1823" providerId="ADAL" clId="{A112BAF0-C041-42F2-A41A-EC6E32F49326}" dt="2021-10-18T09:31:20.624" v="9199"/>
          <ac:spMkLst>
            <pc:docMk/>
            <pc:sldMk cId="4073443622" sldId="275"/>
            <ac:spMk id="7" creationId="{8C106D0A-D965-4685-BB94-2ACB5AF9597B}"/>
          </ac:spMkLst>
        </pc:spChg>
        <pc:spChg chg="mod">
          <ac:chgData name="Thomas Nyman" userId="ac62be27-690b-42bb-ae39-d787d15a1823" providerId="ADAL" clId="{A112BAF0-C041-42F2-A41A-EC6E32F49326}" dt="2021-10-18T09:31:20.625" v="9200"/>
          <ac:spMkLst>
            <pc:docMk/>
            <pc:sldMk cId="4073443622" sldId="275"/>
            <ac:spMk id="8" creationId="{79D7E8FD-5ABF-4C09-B53D-EA9670B7FB8E}"/>
          </ac:spMkLst>
        </pc:spChg>
        <pc:spChg chg="mod">
          <ac:chgData name="Thomas Nyman" userId="ac62be27-690b-42bb-ae39-d787d15a1823" providerId="ADAL" clId="{A112BAF0-C041-42F2-A41A-EC6E32F49326}" dt="2021-10-18T09:31:20.625" v="9201"/>
          <ac:spMkLst>
            <pc:docMk/>
            <pc:sldMk cId="4073443622" sldId="275"/>
            <ac:spMk id="9" creationId="{B01D6B3A-4943-432B-ABB6-0C8FFC81B081}"/>
          </ac:spMkLst>
        </pc:spChg>
        <pc:spChg chg="mod">
          <ac:chgData name="Thomas Nyman" userId="ac62be27-690b-42bb-ae39-d787d15a1823" providerId="ADAL" clId="{A112BAF0-C041-42F2-A41A-EC6E32F49326}" dt="2021-10-18T09:31:20.626" v="9202"/>
          <ac:spMkLst>
            <pc:docMk/>
            <pc:sldMk cId="4073443622" sldId="275"/>
            <ac:spMk id="10" creationId="{4241CF5A-E452-4CC5-A14B-161655AA5210}"/>
          </ac:spMkLst>
        </pc:spChg>
        <pc:spChg chg="mod">
          <ac:chgData name="Thomas Nyman" userId="ac62be27-690b-42bb-ae39-d787d15a1823" providerId="ADAL" clId="{A112BAF0-C041-42F2-A41A-EC6E32F49326}" dt="2021-10-18T09:31:20.627" v="9203"/>
          <ac:spMkLst>
            <pc:docMk/>
            <pc:sldMk cId="4073443622" sldId="275"/>
            <ac:spMk id="12" creationId="{64BB2DB5-8C49-4D99-B31C-F12262415E5E}"/>
          </ac:spMkLst>
        </pc:spChg>
        <pc:spChg chg="mod">
          <ac:chgData name="Thomas Nyman" userId="ac62be27-690b-42bb-ae39-d787d15a1823" providerId="ADAL" clId="{A112BAF0-C041-42F2-A41A-EC6E32F49326}" dt="2021-10-18T09:31:20.627" v="9204" actId="790"/>
          <ac:spMkLst>
            <pc:docMk/>
            <pc:sldMk cId="4073443622" sldId="275"/>
            <ac:spMk id="13" creationId="{C6C3BBBC-5107-4865-B187-2688BAFA356D}"/>
          </ac:spMkLst>
        </pc:spChg>
        <pc:spChg chg="mod">
          <ac:chgData name="Thomas Nyman" userId="ac62be27-690b-42bb-ae39-d787d15a1823" providerId="ADAL" clId="{A112BAF0-C041-42F2-A41A-EC6E32F49326}" dt="2021-10-18T09:31:20.628" v="9205"/>
          <ac:spMkLst>
            <pc:docMk/>
            <pc:sldMk cId="4073443622" sldId="275"/>
            <ac:spMk id="17" creationId="{BEA32D59-A05B-40B6-824B-EF059F9DC62A}"/>
          </ac:spMkLst>
        </pc:spChg>
        <pc:spChg chg="mod">
          <ac:chgData name="Thomas Nyman" userId="ac62be27-690b-42bb-ae39-d787d15a1823" providerId="ADAL" clId="{A112BAF0-C041-42F2-A41A-EC6E32F49326}" dt="2021-10-18T09:31:20.628" v="9206"/>
          <ac:spMkLst>
            <pc:docMk/>
            <pc:sldMk cId="4073443622" sldId="275"/>
            <ac:spMk id="18" creationId="{B24DBF0D-EABE-46D6-9163-3A816515C754}"/>
          </ac:spMkLst>
        </pc:spChg>
        <pc:spChg chg="mod">
          <ac:chgData name="Thomas Nyman" userId="ac62be27-690b-42bb-ae39-d787d15a1823" providerId="ADAL" clId="{A112BAF0-C041-42F2-A41A-EC6E32F49326}" dt="2021-10-18T09:31:20.628" v="9207"/>
          <ac:spMkLst>
            <pc:docMk/>
            <pc:sldMk cId="4073443622" sldId="275"/>
            <ac:spMk id="20" creationId="{4120F6FF-A064-45F6-A472-0AA7C29BAAA3}"/>
          </ac:spMkLst>
        </pc:spChg>
        <pc:spChg chg="mod">
          <ac:chgData name="Thomas Nyman" userId="ac62be27-690b-42bb-ae39-d787d15a1823" providerId="ADAL" clId="{A112BAF0-C041-42F2-A41A-EC6E32F49326}" dt="2021-10-18T09:31:20.629" v="9208"/>
          <ac:spMkLst>
            <pc:docMk/>
            <pc:sldMk cId="4073443622" sldId="275"/>
            <ac:spMk id="26" creationId="{3BF03BE7-F97B-42C8-ABA2-CBA796E49095}"/>
          </ac:spMkLst>
        </pc:spChg>
        <pc:spChg chg="mod">
          <ac:chgData name="Thomas Nyman" userId="ac62be27-690b-42bb-ae39-d787d15a1823" providerId="ADAL" clId="{A112BAF0-C041-42F2-A41A-EC6E32F49326}" dt="2021-10-18T09:31:20.629" v="9209"/>
          <ac:spMkLst>
            <pc:docMk/>
            <pc:sldMk cId="4073443622" sldId="275"/>
            <ac:spMk id="28" creationId="{E1FCDE4D-32F1-4BFA-B671-9B794B96BA60}"/>
          </ac:spMkLst>
        </pc:spChg>
      </pc:sldChg>
      <pc:sldChg chg="modSp mod">
        <pc:chgData name="Thomas Nyman" userId="ac62be27-690b-42bb-ae39-d787d15a1823" providerId="ADAL" clId="{A112BAF0-C041-42F2-A41A-EC6E32F49326}" dt="2021-10-18T09:31:20.619" v="9194"/>
        <pc:sldMkLst>
          <pc:docMk/>
          <pc:sldMk cId="1123091943" sldId="281"/>
        </pc:sldMkLst>
        <pc:spChg chg="mod">
          <ac:chgData name="Thomas Nyman" userId="ac62be27-690b-42bb-ae39-d787d15a1823" providerId="ADAL" clId="{A112BAF0-C041-42F2-A41A-EC6E32F49326}" dt="2021-10-18T09:31:20.595" v="9153" actId="790"/>
          <ac:spMkLst>
            <pc:docMk/>
            <pc:sldMk cId="1123091943" sldId="281"/>
            <ac:spMk id="2" creationId="{400B03D0-A099-4F3C-B9B6-498E1BAA46C9}"/>
          </ac:spMkLst>
        </pc:spChg>
        <pc:spChg chg="mod">
          <ac:chgData name="Thomas Nyman" userId="ac62be27-690b-42bb-ae39-d787d15a1823" providerId="ADAL" clId="{A112BAF0-C041-42F2-A41A-EC6E32F49326}" dt="2021-10-18T09:31:20.619" v="9194"/>
          <ac:spMkLst>
            <pc:docMk/>
            <pc:sldMk cId="1123091943" sldId="281"/>
            <ac:spMk id="3" creationId="{CFC43F3D-9A69-4B1C-9AEF-25CA53775F5C}"/>
          </ac:spMkLst>
        </pc:spChg>
        <pc:spChg chg="mod">
          <ac:chgData name="Thomas Nyman" userId="ac62be27-690b-42bb-ae39-d787d15a1823" providerId="ADAL" clId="{A112BAF0-C041-42F2-A41A-EC6E32F49326}" dt="2021-10-18T09:31:20.595" v="9154"/>
          <ac:spMkLst>
            <pc:docMk/>
            <pc:sldMk cId="1123091943" sldId="281"/>
            <ac:spMk id="5" creationId="{2E25018B-CDF5-46CF-945E-2ADEF0607007}"/>
          </ac:spMkLst>
        </pc:spChg>
        <pc:spChg chg="mod">
          <ac:chgData name="Thomas Nyman" userId="ac62be27-690b-42bb-ae39-d787d15a1823" providerId="ADAL" clId="{A112BAF0-C041-42F2-A41A-EC6E32F49326}" dt="2021-10-18T09:31:20.596" v="9155" actId="790"/>
          <ac:spMkLst>
            <pc:docMk/>
            <pc:sldMk cId="1123091943" sldId="281"/>
            <ac:spMk id="6" creationId="{C9A25EB3-151E-451C-BBFB-C1906EB4619F}"/>
          </ac:spMkLst>
        </pc:spChg>
        <pc:spChg chg="mod">
          <ac:chgData name="Thomas Nyman" userId="ac62be27-690b-42bb-ae39-d787d15a1823" providerId="ADAL" clId="{A112BAF0-C041-42F2-A41A-EC6E32F49326}" dt="2021-10-18T09:31:20.597" v="9156" actId="790"/>
          <ac:spMkLst>
            <pc:docMk/>
            <pc:sldMk cId="1123091943" sldId="281"/>
            <ac:spMk id="7" creationId="{76040A9B-53DB-4225-B55D-25440F668F74}"/>
          </ac:spMkLst>
        </pc:spChg>
        <pc:spChg chg="mod">
          <ac:chgData name="Thomas Nyman" userId="ac62be27-690b-42bb-ae39-d787d15a1823" providerId="ADAL" clId="{A112BAF0-C041-42F2-A41A-EC6E32F49326}" dt="2021-10-18T09:31:20.598" v="9157" actId="790"/>
          <ac:spMkLst>
            <pc:docMk/>
            <pc:sldMk cId="1123091943" sldId="281"/>
            <ac:spMk id="8" creationId="{97D39FB5-AA96-422E-8660-419E88FD0ACE}"/>
          </ac:spMkLst>
        </pc:spChg>
        <pc:spChg chg="mod">
          <ac:chgData name="Thomas Nyman" userId="ac62be27-690b-42bb-ae39-d787d15a1823" providerId="ADAL" clId="{A112BAF0-C041-42F2-A41A-EC6E32F49326}" dt="2021-10-18T09:31:20.599" v="9158" actId="790"/>
          <ac:spMkLst>
            <pc:docMk/>
            <pc:sldMk cId="1123091943" sldId="281"/>
            <ac:spMk id="12" creationId="{70AD5A64-582E-4A4F-A756-4AD8F3DDDC4D}"/>
          </ac:spMkLst>
        </pc:spChg>
        <pc:spChg chg="mod">
          <ac:chgData name="Thomas Nyman" userId="ac62be27-690b-42bb-ae39-d787d15a1823" providerId="ADAL" clId="{A112BAF0-C041-42F2-A41A-EC6E32F49326}" dt="2021-10-18T09:31:20.600" v="9159" actId="790"/>
          <ac:spMkLst>
            <pc:docMk/>
            <pc:sldMk cId="1123091943" sldId="281"/>
            <ac:spMk id="13" creationId="{08A21DE4-B805-4873-B5BA-4A73AD18379D}"/>
          </ac:spMkLst>
        </pc:spChg>
        <pc:spChg chg="mod">
          <ac:chgData name="Thomas Nyman" userId="ac62be27-690b-42bb-ae39-d787d15a1823" providerId="ADAL" clId="{A112BAF0-C041-42F2-A41A-EC6E32F49326}" dt="2021-10-18T09:31:20.601" v="9160" actId="790"/>
          <ac:spMkLst>
            <pc:docMk/>
            <pc:sldMk cId="1123091943" sldId="281"/>
            <ac:spMk id="15" creationId="{0038BE6A-DD1B-4702-9CF4-1EAAFF77755D}"/>
          </ac:spMkLst>
        </pc:spChg>
        <pc:spChg chg="mod">
          <ac:chgData name="Thomas Nyman" userId="ac62be27-690b-42bb-ae39-d787d15a1823" providerId="ADAL" clId="{A112BAF0-C041-42F2-A41A-EC6E32F49326}" dt="2021-10-18T09:31:20.602" v="9161" actId="790"/>
          <ac:spMkLst>
            <pc:docMk/>
            <pc:sldMk cId="1123091943" sldId="281"/>
            <ac:spMk id="18" creationId="{3C241A8D-8B6D-426C-BCF0-FADC10C4B297}"/>
          </ac:spMkLst>
        </pc:spChg>
        <pc:spChg chg="mod">
          <ac:chgData name="Thomas Nyman" userId="ac62be27-690b-42bb-ae39-d787d15a1823" providerId="ADAL" clId="{A112BAF0-C041-42F2-A41A-EC6E32F49326}" dt="2021-10-18T09:31:20.603" v="9162" actId="790"/>
          <ac:spMkLst>
            <pc:docMk/>
            <pc:sldMk cId="1123091943" sldId="281"/>
            <ac:spMk id="47" creationId="{A444EC45-5402-4A9F-A354-B0E529ACB13D}"/>
          </ac:spMkLst>
        </pc:spChg>
        <pc:spChg chg="mod">
          <ac:chgData name="Thomas Nyman" userId="ac62be27-690b-42bb-ae39-d787d15a1823" providerId="ADAL" clId="{A112BAF0-C041-42F2-A41A-EC6E32F49326}" dt="2021-10-18T09:31:20.605" v="9163" actId="790"/>
          <ac:spMkLst>
            <pc:docMk/>
            <pc:sldMk cId="1123091943" sldId="281"/>
            <ac:spMk id="48" creationId="{999D86F3-E027-4E42-9E8B-F72B3FC4B5B6}"/>
          </ac:spMkLst>
        </pc:spChg>
        <pc:spChg chg="mod">
          <ac:chgData name="Thomas Nyman" userId="ac62be27-690b-42bb-ae39-d787d15a1823" providerId="ADAL" clId="{A112BAF0-C041-42F2-A41A-EC6E32F49326}" dt="2021-10-18T09:31:20.605" v="9164"/>
          <ac:spMkLst>
            <pc:docMk/>
            <pc:sldMk cId="1123091943" sldId="281"/>
            <ac:spMk id="51" creationId="{46E47EB0-814A-440B-88BA-15DFC0024E09}"/>
          </ac:spMkLst>
        </pc:spChg>
        <pc:spChg chg="mod">
          <ac:chgData name="Thomas Nyman" userId="ac62be27-690b-42bb-ae39-d787d15a1823" providerId="ADAL" clId="{A112BAF0-C041-42F2-A41A-EC6E32F49326}" dt="2021-10-18T09:31:20.605" v="9165"/>
          <ac:spMkLst>
            <pc:docMk/>
            <pc:sldMk cId="1123091943" sldId="281"/>
            <ac:spMk id="52" creationId="{67B92745-BA9D-4FE4-82CE-C79A4461E6FF}"/>
          </ac:spMkLst>
        </pc:spChg>
        <pc:spChg chg="mod">
          <ac:chgData name="Thomas Nyman" userId="ac62be27-690b-42bb-ae39-d787d15a1823" providerId="ADAL" clId="{A112BAF0-C041-42F2-A41A-EC6E32F49326}" dt="2021-10-18T09:31:20.606" v="9166"/>
          <ac:spMkLst>
            <pc:docMk/>
            <pc:sldMk cId="1123091943" sldId="281"/>
            <ac:spMk id="53" creationId="{68E0B971-217B-4549-8F13-2020A5E38283}"/>
          </ac:spMkLst>
        </pc:spChg>
        <pc:spChg chg="mod">
          <ac:chgData name="Thomas Nyman" userId="ac62be27-690b-42bb-ae39-d787d15a1823" providerId="ADAL" clId="{A112BAF0-C041-42F2-A41A-EC6E32F49326}" dt="2021-10-18T09:31:20.607" v="9167"/>
          <ac:spMkLst>
            <pc:docMk/>
            <pc:sldMk cId="1123091943" sldId="281"/>
            <ac:spMk id="57" creationId="{EAFBA49C-B9F6-4D48-84E5-C0E4AA709D33}"/>
          </ac:spMkLst>
        </pc:spChg>
        <pc:spChg chg="mod">
          <ac:chgData name="Thomas Nyman" userId="ac62be27-690b-42bb-ae39-d787d15a1823" providerId="ADAL" clId="{A112BAF0-C041-42F2-A41A-EC6E32F49326}" dt="2021-10-18T09:31:20.607" v="9168"/>
          <ac:spMkLst>
            <pc:docMk/>
            <pc:sldMk cId="1123091943" sldId="281"/>
            <ac:spMk id="58" creationId="{C5CBE7A6-CD10-48E2-8A62-DF66D68584AD}"/>
          </ac:spMkLst>
        </pc:spChg>
        <pc:spChg chg="mod">
          <ac:chgData name="Thomas Nyman" userId="ac62be27-690b-42bb-ae39-d787d15a1823" providerId="ADAL" clId="{A112BAF0-C041-42F2-A41A-EC6E32F49326}" dt="2021-10-18T09:31:20.608" v="9169"/>
          <ac:spMkLst>
            <pc:docMk/>
            <pc:sldMk cId="1123091943" sldId="281"/>
            <ac:spMk id="59" creationId="{37DE7DF0-71AB-482C-9918-26E1B71B5730}"/>
          </ac:spMkLst>
        </pc:spChg>
        <pc:spChg chg="mod">
          <ac:chgData name="Thomas Nyman" userId="ac62be27-690b-42bb-ae39-d787d15a1823" providerId="ADAL" clId="{A112BAF0-C041-42F2-A41A-EC6E32F49326}" dt="2021-10-18T09:31:20.609" v="9170"/>
          <ac:spMkLst>
            <pc:docMk/>
            <pc:sldMk cId="1123091943" sldId="281"/>
            <ac:spMk id="60" creationId="{CD4E6E8C-1624-451B-854A-408F3327E4FE}"/>
          </ac:spMkLst>
        </pc:spChg>
        <pc:spChg chg="mod">
          <ac:chgData name="Thomas Nyman" userId="ac62be27-690b-42bb-ae39-d787d15a1823" providerId="ADAL" clId="{A112BAF0-C041-42F2-A41A-EC6E32F49326}" dt="2021-10-18T09:31:20.610" v="9171"/>
          <ac:spMkLst>
            <pc:docMk/>
            <pc:sldMk cId="1123091943" sldId="281"/>
            <ac:spMk id="62" creationId="{F7A62762-7157-4C57-BFDA-E2888414E531}"/>
          </ac:spMkLst>
        </pc:spChg>
        <pc:spChg chg="mod">
          <ac:chgData name="Thomas Nyman" userId="ac62be27-690b-42bb-ae39-d787d15a1823" providerId="ADAL" clId="{A112BAF0-C041-42F2-A41A-EC6E32F49326}" dt="2021-10-18T09:31:20.610" v="9172"/>
          <ac:spMkLst>
            <pc:docMk/>
            <pc:sldMk cId="1123091943" sldId="281"/>
            <ac:spMk id="63" creationId="{28C59640-717C-4558-9B60-A5833A62B9AE}"/>
          </ac:spMkLst>
        </pc:spChg>
        <pc:spChg chg="mod">
          <ac:chgData name="Thomas Nyman" userId="ac62be27-690b-42bb-ae39-d787d15a1823" providerId="ADAL" clId="{A112BAF0-C041-42F2-A41A-EC6E32F49326}" dt="2021-10-18T09:31:20.610" v="9173"/>
          <ac:spMkLst>
            <pc:docMk/>
            <pc:sldMk cId="1123091943" sldId="281"/>
            <ac:spMk id="64" creationId="{02FF3FBD-4050-40B4-BE95-E36ABB6D59FB}"/>
          </ac:spMkLst>
        </pc:spChg>
        <pc:spChg chg="mod">
          <ac:chgData name="Thomas Nyman" userId="ac62be27-690b-42bb-ae39-d787d15a1823" providerId="ADAL" clId="{A112BAF0-C041-42F2-A41A-EC6E32F49326}" dt="2021-10-18T09:31:20.611" v="9174"/>
          <ac:spMkLst>
            <pc:docMk/>
            <pc:sldMk cId="1123091943" sldId="281"/>
            <ac:spMk id="65" creationId="{2DBB6329-BC27-4865-A045-F284899D833F}"/>
          </ac:spMkLst>
        </pc:spChg>
        <pc:spChg chg="mod">
          <ac:chgData name="Thomas Nyman" userId="ac62be27-690b-42bb-ae39-d787d15a1823" providerId="ADAL" clId="{A112BAF0-C041-42F2-A41A-EC6E32F49326}" dt="2021-10-18T09:31:20.611" v="9175"/>
          <ac:spMkLst>
            <pc:docMk/>
            <pc:sldMk cId="1123091943" sldId="281"/>
            <ac:spMk id="66" creationId="{DE74D8A0-2A32-494E-9531-D0071B1F3B64}"/>
          </ac:spMkLst>
        </pc:spChg>
        <pc:spChg chg="mod">
          <ac:chgData name="Thomas Nyman" userId="ac62be27-690b-42bb-ae39-d787d15a1823" providerId="ADAL" clId="{A112BAF0-C041-42F2-A41A-EC6E32F49326}" dt="2021-10-18T09:31:20.611" v="9176"/>
          <ac:spMkLst>
            <pc:docMk/>
            <pc:sldMk cId="1123091943" sldId="281"/>
            <ac:spMk id="67" creationId="{9A0186D4-9ABC-49C7-869F-9EC57A15B14E}"/>
          </ac:spMkLst>
        </pc:spChg>
        <pc:spChg chg="mod">
          <ac:chgData name="Thomas Nyman" userId="ac62be27-690b-42bb-ae39-d787d15a1823" providerId="ADAL" clId="{A112BAF0-C041-42F2-A41A-EC6E32F49326}" dt="2021-10-18T09:31:20.612" v="9177"/>
          <ac:spMkLst>
            <pc:docMk/>
            <pc:sldMk cId="1123091943" sldId="281"/>
            <ac:spMk id="68" creationId="{CE8325FD-7838-40C8-97C1-197C9951A89C}"/>
          </ac:spMkLst>
        </pc:spChg>
        <pc:spChg chg="mod">
          <ac:chgData name="Thomas Nyman" userId="ac62be27-690b-42bb-ae39-d787d15a1823" providerId="ADAL" clId="{A112BAF0-C041-42F2-A41A-EC6E32F49326}" dt="2021-10-18T09:31:20.612" v="9178"/>
          <ac:spMkLst>
            <pc:docMk/>
            <pc:sldMk cId="1123091943" sldId="281"/>
            <ac:spMk id="69" creationId="{FD7524DA-B7AB-46D5-B553-C94B7E7E738F}"/>
          </ac:spMkLst>
        </pc:spChg>
        <pc:spChg chg="mod">
          <ac:chgData name="Thomas Nyman" userId="ac62be27-690b-42bb-ae39-d787d15a1823" providerId="ADAL" clId="{A112BAF0-C041-42F2-A41A-EC6E32F49326}" dt="2021-10-18T09:31:20.613" v="9179"/>
          <ac:spMkLst>
            <pc:docMk/>
            <pc:sldMk cId="1123091943" sldId="281"/>
            <ac:spMk id="70" creationId="{C376F59B-F1BB-475C-BCC8-78F3F3D1DC8A}"/>
          </ac:spMkLst>
        </pc:spChg>
        <pc:spChg chg="mod">
          <ac:chgData name="Thomas Nyman" userId="ac62be27-690b-42bb-ae39-d787d15a1823" providerId="ADAL" clId="{A112BAF0-C041-42F2-A41A-EC6E32F49326}" dt="2021-10-18T09:31:20.613" v="9180"/>
          <ac:spMkLst>
            <pc:docMk/>
            <pc:sldMk cId="1123091943" sldId="281"/>
            <ac:spMk id="72" creationId="{850B3C9B-220A-473E-908B-A15F135F6E49}"/>
          </ac:spMkLst>
        </pc:spChg>
        <pc:spChg chg="mod">
          <ac:chgData name="Thomas Nyman" userId="ac62be27-690b-42bb-ae39-d787d15a1823" providerId="ADAL" clId="{A112BAF0-C041-42F2-A41A-EC6E32F49326}" dt="2021-10-18T09:31:20.613" v="9181"/>
          <ac:spMkLst>
            <pc:docMk/>
            <pc:sldMk cId="1123091943" sldId="281"/>
            <ac:spMk id="75" creationId="{D7597967-CF85-4789-9058-A471D789AC3C}"/>
          </ac:spMkLst>
        </pc:spChg>
        <pc:spChg chg="mod">
          <ac:chgData name="Thomas Nyman" userId="ac62be27-690b-42bb-ae39-d787d15a1823" providerId="ADAL" clId="{A112BAF0-C041-42F2-A41A-EC6E32F49326}" dt="2021-10-18T09:31:20.614" v="9182"/>
          <ac:spMkLst>
            <pc:docMk/>
            <pc:sldMk cId="1123091943" sldId="281"/>
            <ac:spMk id="76" creationId="{6279DF99-4B74-4573-AA0C-F7D9B52C479A}"/>
          </ac:spMkLst>
        </pc:spChg>
        <pc:spChg chg="mod">
          <ac:chgData name="Thomas Nyman" userId="ac62be27-690b-42bb-ae39-d787d15a1823" providerId="ADAL" clId="{A112BAF0-C041-42F2-A41A-EC6E32F49326}" dt="2021-10-18T09:31:20.614" v="9183"/>
          <ac:spMkLst>
            <pc:docMk/>
            <pc:sldMk cId="1123091943" sldId="281"/>
            <ac:spMk id="77" creationId="{3CEC7E39-9945-4E82-9738-175E8F859695}"/>
          </ac:spMkLst>
        </pc:spChg>
        <pc:spChg chg="mod">
          <ac:chgData name="Thomas Nyman" userId="ac62be27-690b-42bb-ae39-d787d15a1823" providerId="ADAL" clId="{A112BAF0-C041-42F2-A41A-EC6E32F49326}" dt="2021-10-18T09:31:20.614" v="9184"/>
          <ac:spMkLst>
            <pc:docMk/>
            <pc:sldMk cId="1123091943" sldId="281"/>
            <ac:spMk id="78" creationId="{31B97DF3-A3DC-4B42-B3D2-F3C271518B87}"/>
          </ac:spMkLst>
        </pc:spChg>
        <pc:spChg chg="mod">
          <ac:chgData name="Thomas Nyman" userId="ac62be27-690b-42bb-ae39-d787d15a1823" providerId="ADAL" clId="{A112BAF0-C041-42F2-A41A-EC6E32F49326}" dt="2021-10-18T09:31:20.615" v="9185"/>
          <ac:spMkLst>
            <pc:docMk/>
            <pc:sldMk cId="1123091943" sldId="281"/>
            <ac:spMk id="80" creationId="{50AD2ED4-33E5-4CAE-9DC7-23CFCB615D27}"/>
          </ac:spMkLst>
        </pc:spChg>
        <pc:spChg chg="mod">
          <ac:chgData name="Thomas Nyman" userId="ac62be27-690b-42bb-ae39-d787d15a1823" providerId="ADAL" clId="{A112BAF0-C041-42F2-A41A-EC6E32F49326}" dt="2021-10-18T09:31:20.615" v="9186"/>
          <ac:spMkLst>
            <pc:docMk/>
            <pc:sldMk cId="1123091943" sldId="281"/>
            <ac:spMk id="85" creationId="{7AECBAC8-A900-439A-833B-B929C08C67EF}"/>
          </ac:spMkLst>
        </pc:spChg>
        <pc:spChg chg="mod">
          <ac:chgData name="Thomas Nyman" userId="ac62be27-690b-42bb-ae39-d787d15a1823" providerId="ADAL" clId="{A112BAF0-C041-42F2-A41A-EC6E32F49326}" dt="2021-10-18T09:31:20.615" v="9187"/>
          <ac:spMkLst>
            <pc:docMk/>
            <pc:sldMk cId="1123091943" sldId="281"/>
            <ac:spMk id="86" creationId="{648F0643-40A2-4537-A9E0-24D40C469969}"/>
          </ac:spMkLst>
        </pc:spChg>
        <pc:spChg chg="mod">
          <ac:chgData name="Thomas Nyman" userId="ac62be27-690b-42bb-ae39-d787d15a1823" providerId="ADAL" clId="{A112BAF0-C041-42F2-A41A-EC6E32F49326}" dt="2021-10-18T09:31:20.615" v="9188"/>
          <ac:spMkLst>
            <pc:docMk/>
            <pc:sldMk cId="1123091943" sldId="281"/>
            <ac:spMk id="87" creationId="{1DBBD052-2F1C-4A0C-91F0-B9EAC9A6B68E}"/>
          </ac:spMkLst>
        </pc:spChg>
        <pc:spChg chg="mod">
          <ac:chgData name="Thomas Nyman" userId="ac62be27-690b-42bb-ae39-d787d15a1823" providerId="ADAL" clId="{A112BAF0-C041-42F2-A41A-EC6E32F49326}" dt="2021-10-18T09:31:20.617" v="9189" actId="790"/>
          <ac:spMkLst>
            <pc:docMk/>
            <pc:sldMk cId="1123091943" sldId="281"/>
            <ac:spMk id="96" creationId="{2D81C802-E5B2-4E08-B5FA-B64971D4F617}"/>
          </ac:spMkLst>
        </pc:spChg>
        <pc:spChg chg="mod">
          <ac:chgData name="Thomas Nyman" userId="ac62be27-690b-42bb-ae39-d787d15a1823" providerId="ADAL" clId="{A112BAF0-C041-42F2-A41A-EC6E32F49326}" dt="2021-10-18T09:31:20.617" v="9190"/>
          <ac:spMkLst>
            <pc:docMk/>
            <pc:sldMk cId="1123091943" sldId="281"/>
            <ac:spMk id="100" creationId="{F04A44F7-66E4-4D6C-A00E-33E3B3D0BDF8}"/>
          </ac:spMkLst>
        </pc:spChg>
        <pc:spChg chg="mod">
          <ac:chgData name="Thomas Nyman" userId="ac62be27-690b-42bb-ae39-d787d15a1823" providerId="ADAL" clId="{A112BAF0-C041-42F2-A41A-EC6E32F49326}" dt="2021-10-18T09:31:20.618" v="9191"/>
          <ac:spMkLst>
            <pc:docMk/>
            <pc:sldMk cId="1123091943" sldId="281"/>
            <ac:spMk id="101" creationId="{4D5FC1FE-124F-4A50-A5D2-43AE5B354C62}"/>
          </ac:spMkLst>
        </pc:spChg>
        <pc:spChg chg="mod">
          <ac:chgData name="Thomas Nyman" userId="ac62be27-690b-42bb-ae39-d787d15a1823" providerId="ADAL" clId="{A112BAF0-C041-42F2-A41A-EC6E32F49326}" dt="2021-10-18T09:31:20.618" v="9192"/>
          <ac:spMkLst>
            <pc:docMk/>
            <pc:sldMk cId="1123091943" sldId="281"/>
            <ac:spMk id="104" creationId="{3DEB674D-16B3-4680-8D58-F41B98796673}"/>
          </ac:spMkLst>
        </pc:spChg>
        <pc:spChg chg="mod">
          <ac:chgData name="Thomas Nyman" userId="ac62be27-690b-42bb-ae39-d787d15a1823" providerId="ADAL" clId="{A112BAF0-C041-42F2-A41A-EC6E32F49326}" dt="2021-10-18T09:31:20.619" v="9193"/>
          <ac:spMkLst>
            <pc:docMk/>
            <pc:sldMk cId="1123091943" sldId="281"/>
            <ac:spMk id="105" creationId="{1A578FC7-1B81-42E5-AF8F-DA8DDDAB5E80}"/>
          </ac:spMkLst>
        </pc:spChg>
      </pc:sldChg>
      <pc:sldChg chg="addCm modCm">
        <pc:chgData name="Thomas Nyman" userId="ac62be27-690b-42bb-ae39-d787d15a1823" providerId="ADAL" clId="{A112BAF0-C041-42F2-A41A-EC6E32F49326}" dt="2021-10-11T11:43:56.288" v="5804"/>
        <pc:sldMkLst>
          <pc:docMk/>
          <pc:sldMk cId="2776472118" sldId="283"/>
        </pc:sldMkLst>
      </pc:sldChg>
      <pc:sldChg chg="del mod modShow">
        <pc:chgData name="Thomas Nyman" userId="ac62be27-690b-42bb-ae39-d787d15a1823" providerId="ADAL" clId="{A112BAF0-C041-42F2-A41A-EC6E32F49326}" dt="2021-10-14T12:28:00.241" v="8191" actId="2696"/>
        <pc:sldMkLst>
          <pc:docMk/>
          <pc:sldMk cId="4087815578" sldId="284"/>
        </pc:sldMkLst>
      </pc:sldChg>
      <pc:sldChg chg="modSp mod">
        <pc:chgData name="Thomas Nyman" userId="ac62be27-690b-42bb-ae39-d787d15a1823" providerId="ADAL" clId="{A112BAF0-C041-42F2-A41A-EC6E32F49326}" dt="2021-10-18T09:32:28.466" v="9763" actId="20577"/>
        <pc:sldMkLst>
          <pc:docMk/>
          <pc:sldMk cId="1112123526" sldId="285"/>
        </pc:sldMkLst>
        <pc:spChg chg="mod">
          <ac:chgData name="Thomas Nyman" userId="ac62be27-690b-42bb-ae39-d787d15a1823" providerId="ADAL" clId="{A112BAF0-C041-42F2-A41A-EC6E32F49326}" dt="2021-10-18T09:31:20.630" v="9210"/>
          <ac:spMkLst>
            <pc:docMk/>
            <pc:sldMk cId="1112123526" sldId="285"/>
            <ac:spMk id="2" creationId="{0B8A7082-DB17-45FC-A3F5-45FD2AA6C076}"/>
          </ac:spMkLst>
        </pc:spChg>
        <pc:spChg chg="mod">
          <ac:chgData name="Thomas Nyman" userId="ac62be27-690b-42bb-ae39-d787d15a1823" providerId="ADAL" clId="{A112BAF0-C041-42F2-A41A-EC6E32F49326}" dt="2021-10-18T09:32:28.466" v="9763" actId="20577"/>
          <ac:spMkLst>
            <pc:docMk/>
            <pc:sldMk cId="1112123526" sldId="285"/>
            <ac:spMk id="3" creationId="{3E5B23EB-C8CD-4D5E-BE6C-FB30EB007902}"/>
          </ac:spMkLst>
        </pc:spChg>
        <pc:spChg chg="mod">
          <ac:chgData name="Thomas Nyman" userId="ac62be27-690b-42bb-ae39-d787d15a1823" providerId="ADAL" clId="{A112BAF0-C041-42F2-A41A-EC6E32F49326}" dt="2021-10-18T09:31:20.632" v="9212"/>
          <ac:spMkLst>
            <pc:docMk/>
            <pc:sldMk cId="1112123526" sldId="285"/>
            <ac:spMk id="4" creationId="{476694C2-AE53-47F3-A2CD-DC95CB2AC06E}"/>
          </ac:spMkLst>
        </pc:spChg>
        <pc:spChg chg="mod">
          <ac:chgData name="Thomas Nyman" userId="ac62be27-690b-42bb-ae39-d787d15a1823" providerId="ADAL" clId="{A112BAF0-C041-42F2-A41A-EC6E32F49326}" dt="2021-10-18T09:31:20.632" v="9213"/>
          <ac:spMkLst>
            <pc:docMk/>
            <pc:sldMk cId="1112123526" sldId="285"/>
            <ac:spMk id="5" creationId="{DBBDAAF0-C257-42E8-8778-33F369095B08}"/>
          </ac:spMkLst>
        </pc:spChg>
        <pc:spChg chg="mod">
          <ac:chgData name="Thomas Nyman" userId="ac62be27-690b-42bb-ae39-d787d15a1823" providerId="ADAL" clId="{A112BAF0-C041-42F2-A41A-EC6E32F49326}" dt="2021-10-18T09:31:20.633" v="9214"/>
          <ac:spMkLst>
            <pc:docMk/>
            <pc:sldMk cId="1112123526" sldId="285"/>
            <ac:spMk id="6" creationId="{73F28F7C-FDB7-4C54-B643-59C95F1891CF}"/>
          </ac:spMkLst>
        </pc:spChg>
        <pc:spChg chg="mod">
          <ac:chgData name="Thomas Nyman" userId="ac62be27-690b-42bb-ae39-d787d15a1823" providerId="ADAL" clId="{A112BAF0-C041-42F2-A41A-EC6E32F49326}" dt="2021-10-18T09:31:20.633" v="9215"/>
          <ac:spMkLst>
            <pc:docMk/>
            <pc:sldMk cId="1112123526" sldId="285"/>
            <ac:spMk id="7" creationId="{F588C0D0-1BBC-4CD2-94F9-68F2F5734F5A}"/>
          </ac:spMkLst>
        </pc:spChg>
        <pc:spChg chg="mod">
          <ac:chgData name="Thomas Nyman" userId="ac62be27-690b-42bb-ae39-d787d15a1823" providerId="ADAL" clId="{A112BAF0-C041-42F2-A41A-EC6E32F49326}" dt="2021-10-18T09:31:20.634" v="9216"/>
          <ac:spMkLst>
            <pc:docMk/>
            <pc:sldMk cId="1112123526" sldId="285"/>
            <ac:spMk id="8" creationId="{2DC050C8-8D7A-4E39-817D-9374CDFC2110}"/>
          </ac:spMkLst>
        </pc:spChg>
        <pc:spChg chg="mod">
          <ac:chgData name="Thomas Nyman" userId="ac62be27-690b-42bb-ae39-d787d15a1823" providerId="ADAL" clId="{A112BAF0-C041-42F2-A41A-EC6E32F49326}" dt="2021-10-18T09:31:20.634" v="9217"/>
          <ac:spMkLst>
            <pc:docMk/>
            <pc:sldMk cId="1112123526" sldId="285"/>
            <ac:spMk id="9" creationId="{B27B1656-AEED-43A4-B4E9-9779CB184DB2}"/>
          </ac:spMkLst>
        </pc:spChg>
        <pc:spChg chg="mod">
          <ac:chgData name="Thomas Nyman" userId="ac62be27-690b-42bb-ae39-d787d15a1823" providerId="ADAL" clId="{A112BAF0-C041-42F2-A41A-EC6E32F49326}" dt="2021-10-18T09:31:20.635" v="9218"/>
          <ac:spMkLst>
            <pc:docMk/>
            <pc:sldMk cId="1112123526" sldId="285"/>
            <ac:spMk id="10" creationId="{8EDE5C98-4FEE-4E38-86E4-37D4A2FF80EB}"/>
          </ac:spMkLst>
        </pc:spChg>
        <pc:spChg chg="mod">
          <ac:chgData name="Thomas Nyman" userId="ac62be27-690b-42bb-ae39-d787d15a1823" providerId="ADAL" clId="{A112BAF0-C041-42F2-A41A-EC6E32F49326}" dt="2021-10-18T09:31:20.636" v="9223"/>
          <ac:spMkLst>
            <pc:docMk/>
            <pc:sldMk cId="1112123526" sldId="285"/>
            <ac:spMk id="12" creationId="{135A7844-A687-4231-94A7-367383059625}"/>
          </ac:spMkLst>
        </pc:spChg>
        <pc:spChg chg="mod">
          <ac:chgData name="Thomas Nyman" userId="ac62be27-690b-42bb-ae39-d787d15a1823" providerId="ADAL" clId="{A112BAF0-C041-42F2-A41A-EC6E32F49326}" dt="2021-10-18T09:31:20.636" v="9224"/>
          <ac:spMkLst>
            <pc:docMk/>
            <pc:sldMk cId="1112123526" sldId="285"/>
            <ac:spMk id="13" creationId="{0701518D-15A6-408F-9BBA-9571C85F81D4}"/>
          </ac:spMkLst>
        </pc:spChg>
        <pc:spChg chg="mod">
          <ac:chgData name="Thomas Nyman" userId="ac62be27-690b-42bb-ae39-d787d15a1823" providerId="ADAL" clId="{A112BAF0-C041-42F2-A41A-EC6E32F49326}" dt="2021-10-18T09:31:20.637" v="9225"/>
          <ac:spMkLst>
            <pc:docMk/>
            <pc:sldMk cId="1112123526" sldId="285"/>
            <ac:spMk id="14" creationId="{B7AF1829-1784-4A90-8EAE-82C365FEA5F0}"/>
          </ac:spMkLst>
        </pc:spChg>
        <pc:spChg chg="mod">
          <ac:chgData name="Thomas Nyman" userId="ac62be27-690b-42bb-ae39-d787d15a1823" providerId="ADAL" clId="{A112BAF0-C041-42F2-A41A-EC6E32F49326}" dt="2021-10-18T09:31:20.637" v="9226"/>
          <ac:spMkLst>
            <pc:docMk/>
            <pc:sldMk cId="1112123526" sldId="285"/>
            <ac:spMk id="15" creationId="{5CDC02B3-D110-4E46-BBE3-49B834C0C13B}"/>
          </ac:spMkLst>
        </pc:spChg>
        <pc:spChg chg="mod">
          <ac:chgData name="Thomas Nyman" userId="ac62be27-690b-42bb-ae39-d787d15a1823" providerId="ADAL" clId="{A112BAF0-C041-42F2-A41A-EC6E32F49326}" dt="2021-10-18T09:31:20.637" v="9227"/>
          <ac:spMkLst>
            <pc:docMk/>
            <pc:sldMk cId="1112123526" sldId="285"/>
            <ac:spMk id="20" creationId="{F0C152D9-48B8-4C7A-922E-1D35681EA555}"/>
          </ac:spMkLst>
        </pc:spChg>
        <pc:spChg chg="mod">
          <ac:chgData name="Thomas Nyman" userId="ac62be27-690b-42bb-ae39-d787d15a1823" providerId="ADAL" clId="{A112BAF0-C041-42F2-A41A-EC6E32F49326}" dt="2021-10-18T09:31:20.637" v="9228"/>
          <ac:spMkLst>
            <pc:docMk/>
            <pc:sldMk cId="1112123526" sldId="285"/>
            <ac:spMk id="21" creationId="{BD774571-FCA2-4D26-976D-712E3B2D008B}"/>
          </ac:spMkLst>
        </pc:spChg>
        <pc:spChg chg="mod">
          <ac:chgData name="Thomas Nyman" userId="ac62be27-690b-42bb-ae39-d787d15a1823" providerId="ADAL" clId="{A112BAF0-C041-42F2-A41A-EC6E32F49326}" dt="2021-10-18T09:31:20.635" v="9219"/>
          <ac:spMkLst>
            <pc:docMk/>
            <pc:sldMk cId="1112123526" sldId="285"/>
            <ac:spMk id="23" creationId="{69C3123C-73E5-44C3-BE8D-F3DB941FC640}"/>
          </ac:spMkLst>
        </pc:spChg>
        <pc:spChg chg="mod">
          <ac:chgData name="Thomas Nyman" userId="ac62be27-690b-42bb-ae39-d787d15a1823" providerId="ADAL" clId="{A112BAF0-C041-42F2-A41A-EC6E32F49326}" dt="2021-10-18T09:31:20.635" v="9220"/>
          <ac:spMkLst>
            <pc:docMk/>
            <pc:sldMk cId="1112123526" sldId="285"/>
            <ac:spMk id="24" creationId="{BC40C7E2-5E17-436B-9232-E8E1774D4E8D}"/>
          </ac:spMkLst>
        </pc:spChg>
        <pc:spChg chg="mod">
          <ac:chgData name="Thomas Nyman" userId="ac62be27-690b-42bb-ae39-d787d15a1823" providerId="ADAL" clId="{A112BAF0-C041-42F2-A41A-EC6E32F49326}" dt="2021-10-18T09:31:20.636" v="9221"/>
          <ac:spMkLst>
            <pc:docMk/>
            <pc:sldMk cId="1112123526" sldId="285"/>
            <ac:spMk id="28" creationId="{47703B0E-CD2F-42FB-ACAC-2653B940815F}"/>
          </ac:spMkLst>
        </pc:spChg>
        <pc:spChg chg="mod">
          <ac:chgData name="Thomas Nyman" userId="ac62be27-690b-42bb-ae39-d787d15a1823" providerId="ADAL" clId="{A112BAF0-C041-42F2-A41A-EC6E32F49326}" dt="2021-10-18T09:31:20.636" v="9222"/>
          <ac:spMkLst>
            <pc:docMk/>
            <pc:sldMk cId="1112123526" sldId="285"/>
            <ac:spMk id="29" creationId="{66E99AEB-A9A6-4B55-9CD2-58E90233E5C6}"/>
          </ac:spMkLst>
        </pc:spChg>
      </pc:sldChg>
      <pc:sldChg chg="modSp mod">
        <pc:chgData name="Thomas Nyman" userId="ac62be27-690b-42bb-ae39-d787d15a1823" providerId="ADAL" clId="{A112BAF0-C041-42F2-A41A-EC6E32F49326}" dt="2021-10-18T09:31:20.655" v="9256" actId="790"/>
        <pc:sldMkLst>
          <pc:docMk/>
          <pc:sldMk cId="366905889" sldId="286"/>
        </pc:sldMkLst>
        <pc:spChg chg="mod">
          <ac:chgData name="Thomas Nyman" userId="ac62be27-690b-42bb-ae39-d787d15a1823" providerId="ADAL" clId="{A112BAF0-C041-42F2-A41A-EC6E32F49326}" dt="2021-10-18T09:31:20.641" v="9237" actId="790"/>
          <ac:spMkLst>
            <pc:docMk/>
            <pc:sldMk cId="366905889" sldId="286"/>
            <ac:spMk id="2" creationId="{145A5B86-CDEE-4EAD-814B-D0C826FD40F3}"/>
          </ac:spMkLst>
        </pc:spChg>
        <pc:spChg chg="mod">
          <ac:chgData name="Thomas Nyman" userId="ac62be27-690b-42bb-ae39-d787d15a1823" providerId="ADAL" clId="{A112BAF0-C041-42F2-A41A-EC6E32F49326}" dt="2021-10-18T09:31:20.645" v="9238" actId="790"/>
          <ac:spMkLst>
            <pc:docMk/>
            <pc:sldMk cId="366905889" sldId="286"/>
            <ac:spMk id="3" creationId="{0725F03B-7FF5-4B82-84E1-122CEE6079CC}"/>
          </ac:spMkLst>
        </pc:spChg>
        <pc:spChg chg="mod">
          <ac:chgData name="Thomas Nyman" userId="ac62be27-690b-42bb-ae39-d787d15a1823" providerId="ADAL" clId="{A112BAF0-C041-42F2-A41A-EC6E32F49326}" dt="2021-10-18T09:31:20.646" v="9240"/>
          <ac:spMkLst>
            <pc:docMk/>
            <pc:sldMk cId="366905889" sldId="286"/>
            <ac:spMk id="5" creationId="{C0E43549-C2F3-4226-8CF6-5A3B88C76930}"/>
          </ac:spMkLst>
        </pc:spChg>
        <pc:spChg chg="mod">
          <ac:chgData name="Thomas Nyman" userId="ac62be27-690b-42bb-ae39-d787d15a1823" providerId="ADAL" clId="{A112BAF0-C041-42F2-A41A-EC6E32F49326}" dt="2021-10-18T09:31:20.646" v="9239" actId="790"/>
          <ac:spMkLst>
            <pc:docMk/>
            <pc:sldMk cId="366905889" sldId="286"/>
            <ac:spMk id="6" creationId="{0BF68993-B3F5-44AD-A7C7-CD355E77AE73}"/>
          </ac:spMkLst>
        </pc:spChg>
        <pc:spChg chg="mod">
          <ac:chgData name="Thomas Nyman" userId="ac62be27-690b-42bb-ae39-d787d15a1823" providerId="ADAL" clId="{A112BAF0-C041-42F2-A41A-EC6E32F49326}" dt="2021-10-18T09:31:20.647" v="9241"/>
          <ac:spMkLst>
            <pc:docMk/>
            <pc:sldMk cId="366905889" sldId="286"/>
            <ac:spMk id="7" creationId="{8C106D0A-D965-4685-BB94-2ACB5AF9597B}"/>
          </ac:spMkLst>
        </pc:spChg>
        <pc:spChg chg="mod">
          <ac:chgData name="Thomas Nyman" userId="ac62be27-690b-42bb-ae39-d787d15a1823" providerId="ADAL" clId="{A112BAF0-C041-42F2-A41A-EC6E32F49326}" dt="2021-10-18T09:31:20.647" v="9242"/>
          <ac:spMkLst>
            <pc:docMk/>
            <pc:sldMk cId="366905889" sldId="286"/>
            <ac:spMk id="8" creationId="{79D7E8FD-5ABF-4C09-B53D-EA9670B7FB8E}"/>
          </ac:spMkLst>
        </pc:spChg>
        <pc:spChg chg="mod">
          <ac:chgData name="Thomas Nyman" userId="ac62be27-690b-42bb-ae39-d787d15a1823" providerId="ADAL" clId="{A112BAF0-C041-42F2-A41A-EC6E32F49326}" dt="2021-10-18T09:31:20.647" v="9243"/>
          <ac:spMkLst>
            <pc:docMk/>
            <pc:sldMk cId="366905889" sldId="286"/>
            <ac:spMk id="9" creationId="{B01D6B3A-4943-432B-ABB6-0C8FFC81B081}"/>
          </ac:spMkLst>
        </pc:spChg>
        <pc:spChg chg="mod">
          <ac:chgData name="Thomas Nyman" userId="ac62be27-690b-42bb-ae39-d787d15a1823" providerId="ADAL" clId="{A112BAF0-C041-42F2-A41A-EC6E32F49326}" dt="2021-10-18T09:31:20.648" v="9244"/>
          <ac:spMkLst>
            <pc:docMk/>
            <pc:sldMk cId="366905889" sldId="286"/>
            <ac:spMk id="10" creationId="{4241CF5A-E452-4CC5-A14B-161655AA5210}"/>
          </ac:spMkLst>
        </pc:spChg>
        <pc:spChg chg="mod">
          <ac:chgData name="Thomas Nyman" userId="ac62be27-690b-42bb-ae39-d787d15a1823" providerId="ADAL" clId="{A112BAF0-C041-42F2-A41A-EC6E32F49326}" dt="2021-10-18T09:31:20.648" v="9245"/>
          <ac:spMkLst>
            <pc:docMk/>
            <pc:sldMk cId="366905889" sldId="286"/>
            <ac:spMk id="12" creationId="{64BB2DB5-8C49-4D99-B31C-F12262415E5E}"/>
          </ac:spMkLst>
        </pc:spChg>
        <pc:spChg chg="mod">
          <ac:chgData name="Thomas Nyman" userId="ac62be27-690b-42bb-ae39-d787d15a1823" providerId="ADAL" clId="{A112BAF0-C041-42F2-A41A-EC6E32F49326}" dt="2021-10-18T09:31:20.649" v="9246" actId="790"/>
          <ac:spMkLst>
            <pc:docMk/>
            <pc:sldMk cId="366905889" sldId="286"/>
            <ac:spMk id="13" creationId="{C6C3BBBC-5107-4865-B187-2688BAFA356D}"/>
          </ac:spMkLst>
        </pc:spChg>
        <pc:spChg chg="mod">
          <ac:chgData name="Thomas Nyman" userId="ac62be27-690b-42bb-ae39-d787d15a1823" providerId="ADAL" clId="{A112BAF0-C041-42F2-A41A-EC6E32F49326}" dt="2021-10-18T09:31:20.655" v="9256" actId="790"/>
          <ac:spMkLst>
            <pc:docMk/>
            <pc:sldMk cId="366905889" sldId="286"/>
            <ac:spMk id="15" creationId="{7FA5CDBF-B92D-4B7B-A961-0C6F431FAA76}"/>
          </ac:spMkLst>
        </pc:spChg>
        <pc:spChg chg="mod">
          <ac:chgData name="Thomas Nyman" userId="ac62be27-690b-42bb-ae39-d787d15a1823" providerId="ADAL" clId="{A112BAF0-C041-42F2-A41A-EC6E32F49326}" dt="2021-10-18T09:31:20.652" v="9250" actId="790"/>
          <ac:spMkLst>
            <pc:docMk/>
            <pc:sldMk cId="366905889" sldId="286"/>
            <ac:spMk id="16" creationId="{8C6D67DD-4DB8-4C3C-B5E3-89FDF6C95CEE}"/>
          </ac:spMkLst>
        </pc:spChg>
        <pc:spChg chg="mod">
          <ac:chgData name="Thomas Nyman" userId="ac62be27-690b-42bb-ae39-d787d15a1823" providerId="ADAL" clId="{A112BAF0-C041-42F2-A41A-EC6E32F49326}" dt="2021-10-18T09:31:20.650" v="9247"/>
          <ac:spMkLst>
            <pc:docMk/>
            <pc:sldMk cId="366905889" sldId="286"/>
            <ac:spMk id="17" creationId="{BEA32D59-A05B-40B6-824B-EF059F9DC62A}"/>
          </ac:spMkLst>
        </pc:spChg>
        <pc:spChg chg="mod">
          <ac:chgData name="Thomas Nyman" userId="ac62be27-690b-42bb-ae39-d787d15a1823" providerId="ADAL" clId="{A112BAF0-C041-42F2-A41A-EC6E32F49326}" dt="2021-10-18T09:31:20.651" v="9248"/>
          <ac:spMkLst>
            <pc:docMk/>
            <pc:sldMk cId="366905889" sldId="286"/>
            <ac:spMk id="18" creationId="{B24DBF0D-EABE-46D6-9163-3A816515C754}"/>
          </ac:spMkLst>
        </pc:spChg>
        <pc:spChg chg="mod">
          <ac:chgData name="Thomas Nyman" userId="ac62be27-690b-42bb-ae39-d787d15a1823" providerId="ADAL" clId="{A112BAF0-C041-42F2-A41A-EC6E32F49326}" dt="2021-10-18T09:31:20.653" v="9251" actId="790"/>
          <ac:spMkLst>
            <pc:docMk/>
            <pc:sldMk cId="366905889" sldId="286"/>
            <ac:spMk id="19" creationId="{2DE67F0F-390D-4EC9-A617-859D59C03ABA}"/>
          </ac:spMkLst>
        </pc:spChg>
        <pc:spChg chg="mod">
          <ac:chgData name="Thomas Nyman" userId="ac62be27-690b-42bb-ae39-d787d15a1823" providerId="ADAL" clId="{A112BAF0-C041-42F2-A41A-EC6E32F49326}" dt="2021-10-18T09:31:20.653" v="9252" actId="790"/>
          <ac:spMkLst>
            <pc:docMk/>
            <pc:sldMk cId="366905889" sldId="286"/>
            <ac:spMk id="20" creationId="{7987F481-7023-441E-A567-FCBA9018C3EE}"/>
          </ac:spMkLst>
        </pc:spChg>
        <pc:spChg chg="mod">
          <ac:chgData name="Thomas Nyman" userId="ac62be27-690b-42bb-ae39-d787d15a1823" providerId="ADAL" clId="{A112BAF0-C041-42F2-A41A-EC6E32F49326}" dt="2021-10-18T09:31:20.654" v="9253" actId="790"/>
          <ac:spMkLst>
            <pc:docMk/>
            <pc:sldMk cId="366905889" sldId="286"/>
            <ac:spMk id="21" creationId="{356A237E-CE32-4691-94C1-8E6B7F385B5B}"/>
          </ac:spMkLst>
        </pc:spChg>
        <pc:spChg chg="mod">
          <ac:chgData name="Thomas Nyman" userId="ac62be27-690b-42bb-ae39-d787d15a1823" providerId="ADAL" clId="{A112BAF0-C041-42F2-A41A-EC6E32F49326}" dt="2021-10-18T09:31:20.654" v="9254" actId="790"/>
          <ac:spMkLst>
            <pc:docMk/>
            <pc:sldMk cId="366905889" sldId="286"/>
            <ac:spMk id="23" creationId="{75781FB5-1B90-4C03-B049-79393A8FB597}"/>
          </ac:spMkLst>
        </pc:spChg>
        <pc:spChg chg="mod">
          <ac:chgData name="Thomas Nyman" userId="ac62be27-690b-42bb-ae39-d787d15a1823" providerId="ADAL" clId="{A112BAF0-C041-42F2-A41A-EC6E32F49326}" dt="2021-10-18T09:31:20.655" v="9255" actId="790"/>
          <ac:spMkLst>
            <pc:docMk/>
            <pc:sldMk cId="366905889" sldId="286"/>
            <ac:spMk id="24" creationId="{342FF2F1-0AEC-47AE-9E83-318EDB52D1AF}"/>
          </ac:spMkLst>
        </pc:spChg>
        <pc:spChg chg="mod">
          <ac:chgData name="Thomas Nyman" userId="ac62be27-690b-42bb-ae39-d787d15a1823" providerId="ADAL" clId="{A112BAF0-C041-42F2-A41A-EC6E32F49326}" dt="2021-10-18T09:31:20.652" v="9249"/>
          <ac:spMkLst>
            <pc:docMk/>
            <pc:sldMk cId="366905889" sldId="286"/>
            <ac:spMk id="28" creationId="{E1FCDE4D-32F1-4BFA-B671-9B794B96BA60}"/>
          </ac:spMkLst>
        </pc:spChg>
      </pc:sldChg>
      <pc:sldChg chg="addSp modSp mod modAnim modNotesTx">
        <pc:chgData name="Thomas Nyman" userId="ac62be27-690b-42bb-ae39-d787d15a1823" providerId="ADAL" clId="{A112BAF0-C041-42F2-A41A-EC6E32F49326}" dt="2021-10-18T09:49:17.946" v="9910" actId="20577"/>
        <pc:sldMkLst>
          <pc:docMk/>
          <pc:sldMk cId="1059806586" sldId="289"/>
        </pc:sldMkLst>
        <pc:spChg chg="add mod">
          <ac:chgData name="Thomas Nyman" userId="ac62be27-690b-42bb-ae39-d787d15a1823" providerId="ADAL" clId="{A112BAF0-C041-42F2-A41A-EC6E32F49326}" dt="2021-10-05T10:11:55.694" v="533"/>
          <ac:spMkLst>
            <pc:docMk/>
            <pc:sldMk cId="1059806586" sldId="289"/>
            <ac:spMk id="2" creationId="{B03ABBCC-F3BC-4E42-AF78-B2DC99D13C37}"/>
          </ac:spMkLst>
        </pc:spChg>
        <pc:spChg chg="mod">
          <ac:chgData name="Thomas Nyman" userId="ac62be27-690b-42bb-ae39-d787d15a1823" providerId="ADAL" clId="{A112BAF0-C041-42F2-A41A-EC6E32F49326}" dt="2021-10-18T09:31:20.525" v="9096" actId="790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18T09:48:31.486" v="9897" actId="20577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18T09:31:20.532" v="9098" actId="79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Thomas Nyman" userId="ac62be27-690b-42bb-ae39-d787d15a1823" providerId="ADAL" clId="{A112BAF0-C041-42F2-A41A-EC6E32F49326}" dt="2021-10-18T09:31:20.533" v="9099" actId="790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Thomas Nyman" userId="ac62be27-690b-42bb-ae39-d787d15a1823" providerId="ADAL" clId="{A112BAF0-C041-42F2-A41A-EC6E32F49326}" dt="2021-10-18T09:31:20.534" v="9100" actId="790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Thomas Nyman" userId="ac62be27-690b-42bb-ae39-d787d15a1823" providerId="ADAL" clId="{A112BAF0-C041-42F2-A41A-EC6E32F49326}" dt="2021-10-18T09:31:20.535" v="9101" actId="790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Thomas Nyman" userId="ac62be27-690b-42bb-ae39-d787d15a1823" providerId="ADAL" clId="{A112BAF0-C041-42F2-A41A-EC6E32F49326}" dt="2021-10-18T09:31:20.536" v="9102" actId="790"/>
          <ac:spMkLst>
            <pc:docMk/>
            <pc:sldMk cId="1059806586" sldId="289"/>
            <ac:spMk id="15" creationId="{80EDF406-7701-48DD-AAB0-B20D9721C7CC}"/>
          </ac:spMkLst>
        </pc:spChg>
      </pc:sldChg>
      <pc:sldChg chg="modSp new mod ord addAnim delAnim modAnim">
        <pc:chgData name="Thomas Nyman" userId="ac62be27-690b-42bb-ae39-d787d15a1823" providerId="ADAL" clId="{A112BAF0-C041-42F2-A41A-EC6E32F49326}" dt="2021-10-18T09:41:52.665" v="9774"/>
        <pc:sldMkLst>
          <pc:docMk/>
          <pc:sldMk cId="1230394214" sldId="292"/>
        </pc:sldMkLst>
        <pc:spChg chg="mod">
          <ac:chgData name="Thomas Nyman" userId="ac62be27-690b-42bb-ae39-d787d15a1823" providerId="ADAL" clId="{A112BAF0-C041-42F2-A41A-EC6E32F49326}" dt="2021-10-18T09:31:20.565" v="9130" actId="790"/>
          <ac:spMkLst>
            <pc:docMk/>
            <pc:sldMk cId="1230394214" sldId="292"/>
            <ac:spMk id="2" creationId="{74BCF9DA-A64D-4CE2-A43E-6FBD3F89CCB5}"/>
          </ac:spMkLst>
        </pc:spChg>
        <pc:spChg chg="mod">
          <ac:chgData name="Thomas Nyman" userId="ac62be27-690b-42bb-ae39-d787d15a1823" providerId="ADAL" clId="{A112BAF0-C041-42F2-A41A-EC6E32F49326}" dt="2021-10-18T09:31:20.569" v="9131"/>
          <ac:spMkLst>
            <pc:docMk/>
            <pc:sldMk cId="1230394214" sldId="292"/>
            <ac:spMk id="3" creationId="{C8328C16-31B5-4F52-AA9D-3BB35B224ABB}"/>
          </ac:spMkLst>
        </pc:spChg>
      </pc:sldChg>
      <pc:sldChg chg="new del">
        <pc:chgData name="Thomas Nyman" userId="ac62be27-690b-42bb-ae39-d787d15a1823" providerId="ADAL" clId="{A112BAF0-C041-42F2-A41A-EC6E32F49326}" dt="2021-10-05T10:13:28.252" v="549" actId="47"/>
        <pc:sldMkLst>
          <pc:docMk/>
          <pc:sldMk cId="2437067853" sldId="293"/>
        </pc:sldMkLst>
      </pc:sldChg>
      <pc:sldChg chg="add del mod modShow">
        <pc:chgData name="Thomas Nyman" userId="ac62be27-690b-42bb-ae39-d787d15a1823" providerId="ADAL" clId="{A112BAF0-C041-42F2-A41A-EC6E32F49326}" dt="2021-10-08T16:53:06.349" v="4354" actId="47"/>
        <pc:sldMkLst>
          <pc:docMk/>
          <pc:sldMk cId="0" sldId="423"/>
        </pc:sldMkLst>
      </pc:sldChg>
      <pc:sldChg chg="addSp delSp modSp add del mod">
        <pc:chgData name="Thomas Nyman" userId="ac62be27-690b-42bb-ae39-d787d15a1823" providerId="ADAL" clId="{A112BAF0-C041-42F2-A41A-EC6E32F49326}" dt="2021-10-08T16:53:22.926" v="4355" actId="47"/>
        <pc:sldMkLst>
          <pc:docMk/>
          <pc:sldMk cId="0" sldId="424"/>
        </pc:sldMkLst>
        <pc:spChg chg="mod">
          <ac:chgData name="Thomas Nyman" userId="ac62be27-690b-42bb-ae39-d787d15a1823" providerId="ADAL" clId="{A112BAF0-C041-42F2-A41A-EC6E32F49326}" dt="2021-10-08T15:42:51.230" v="3243" actId="1076"/>
          <ac:spMkLst>
            <pc:docMk/>
            <pc:sldMk cId="0" sldId="424"/>
            <ac:spMk id="3" creationId="{7903E732-DD2C-46ED-B988-8611D2DF376E}"/>
          </ac:spMkLst>
        </pc:spChg>
        <pc:grpChg chg="add del">
          <ac:chgData name="Thomas Nyman" userId="ac62be27-690b-42bb-ae39-d787d15a1823" providerId="ADAL" clId="{A112BAF0-C041-42F2-A41A-EC6E32F49326}" dt="2021-10-08T15:42:51.578" v="3244" actId="478"/>
          <ac:grpSpMkLst>
            <pc:docMk/>
            <pc:sldMk cId="0" sldId="424"/>
            <ac:grpSpMk id="102404" creationId="{1890E787-22CF-4C3B-93CD-E66A51B980CE}"/>
          </ac:grpSpMkLst>
        </pc:grpChg>
      </pc:sldChg>
      <pc:sldChg chg="modSp add del mod">
        <pc:chgData name="Thomas Nyman" userId="ac62be27-690b-42bb-ae39-d787d15a1823" providerId="ADAL" clId="{A112BAF0-C041-42F2-A41A-EC6E32F49326}" dt="2021-10-05T10:24:24.496" v="768" actId="47"/>
        <pc:sldMkLst>
          <pc:docMk/>
          <pc:sldMk cId="0" sldId="482"/>
        </pc:sldMkLst>
        <pc:spChg chg="mod">
          <ac:chgData name="Thomas Nyman" userId="ac62be27-690b-42bb-ae39-d787d15a1823" providerId="ADAL" clId="{A112BAF0-C041-42F2-A41A-EC6E32F49326}" dt="2021-10-05T10:17:08.197" v="647" actId="20577"/>
          <ac:spMkLst>
            <pc:docMk/>
            <pc:sldMk cId="0" sldId="482"/>
            <ac:spMk id="2" creationId="{B5D317EA-D3CD-42C2-BCE8-4D9E23F983E0}"/>
          </ac:spMkLst>
        </pc:spChg>
        <pc:spChg chg="mod">
          <ac:chgData name="Thomas Nyman" userId="ac62be27-690b-42bb-ae39-d787d15a1823" providerId="ADAL" clId="{A112BAF0-C041-42F2-A41A-EC6E32F49326}" dt="2021-10-05T10:18:25.170" v="651" actId="1076"/>
          <ac:spMkLst>
            <pc:docMk/>
            <pc:sldMk cId="0" sldId="482"/>
            <ac:spMk id="47108" creationId="{90FD64E2-20CF-46AA-8489-D9BD918B1164}"/>
          </ac:spMkLst>
        </pc:spChg>
      </pc:sldChg>
      <pc:sldChg chg="addSp delSp modSp new mod">
        <pc:chgData name="Thomas Nyman" userId="ac62be27-690b-42bb-ae39-d787d15a1823" providerId="ADAL" clId="{A112BAF0-C041-42F2-A41A-EC6E32F49326}" dt="2021-10-18T09:31:20.540" v="9104"/>
        <pc:sldMkLst>
          <pc:docMk/>
          <pc:sldMk cId="183667758" sldId="483"/>
        </pc:sldMkLst>
        <pc:spChg chg="mod">
          <ac:chgData name="Thomas Nyman" userId="ac62be27-690b-42bb-ae39-d787d15a1823" providerId="ADAL" clId="{A112BAF0-C041-42F2-A41A-EC6E32F49326}" dt="2021-10-18T09:31:20.537" v="9103" actId="790"/>
          <ac:spMkLst>
            <pc:docMk/>
            <pc:sldMk cId="183667758" sldId="483"/>
            <ac:spMk id="2" creationId="{F6874C52-C64D-4484-AC7B-A1D04547743F}"/>
          </ac:spMkLst>
        </pc:spChg>
        <pc:spChg chg="del">
          <ac:chgData name="Thomas Nyman" userId="ac62be27-690b-42bb-ae39-d787d15a1823" providerId="ADAL" clId="{A112BAF0-C041-42F2-A41A-EC6E32F49326}" dt="2021-10-05T10:18:42.720" v="655" actId="478"/>
          <ac:spMkLst>
            <pc:docMk/>
            <pc:sldMk cId="183667758" sldId="483"/>
            <ac:spMk id="3" creationId="{E0675E8A-169C-4F59-B964-E8D05584748A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1" creationId="{D538D0C1-E7D8-4463-8F9F-54BA66E35742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2" creationId="{994CC80B-D9F1-4474-9ACB-DDFB4E2A63CD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3" creationId="{5B73B1CD-54E0-40B2-BDA1-BB71CD88737E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4" creationId="{9552DFB6-D6BC-4796-AD67-06BEA674F4ED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5" creationId="{8D458109-C9C4-4DA5-A226-D28EE1B396F7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6" creationId="{4E0F7CF2-1CD9-40A6-BFE5-A9DC83B848C4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7" creationId="{9B8E3EF8-E79E-46C5-BDD6-A5207C3E92A2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8" creationId="{6F5D111A-335F-4622-99E1-6230FD519413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9" creationId="{6669DF75-9D61-436C-AF05-B734407C1681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20" creationId="{ACDB0512-209B-4C28-922E-A341E9629EF4}"/>
          </ac:spMkLst>
        </pc:spChg>
        <pc:spChg chg="mod">
          <ac:chgData name="Thomas Nyman" userId="ac62be27-690b-42bb-ae39-d787d15a1823" providerId="ADAL" clId="{A112BAF0-C041-42F2-A41A-EC6E32F49326}" dt="2021-10-05T10:21:55.143" v="681" actId="255"/>
          <ac:spMkLst>
            <pc:docMk/>
            <pc:sldMk cId="183667758" sldId="483"/>
            <ac:spMk id="22" creationId="{B71FB6CF-2F31-47C2-8C81-641230E6ECE0}"/>
          </ac:spMkLst>
        </pc:spChg>
        <pc:spChg chg="mod">
          <ac:chgData name="Thomas Nyman" userId="ac62be27-690b-42bb-ae39-d787d15a1823" providerId="ADAL" clId="{A112BAF0-C041-42F2-A41A-EC6E32F49326}" dt="2021-10-05T10:25:02.187" v="777" actId="255"/>
          <ac:spMkLst>
            <pc:docMk/>
            <pc:sldMk cId="183667758" sldId="483"/>
            <ac:spMk id="23" creationId="{F8421694-2489-4B06-B52E-B2668589F03A}"/>
          </ac:spMkLst>
        </pc:spChg>
        <pc:spChg chg="mod">
          <ac:chgData name="Thomas Nyman" userId="ac62be27-690b-42bb-ae39-d787d15a1823" providerId="ADAL" clId="{A112BAF0-C041-42F2-A41A-EC6E32F49326}" dt="2021-10-05T10:20:38.218" v="669" actId="255"/>
          <ac:spMkLst>
            <pc:docMk/>
            <pc:sldMk cId="183667758" sldId="483"/>
            <ac:spMk id="24" creationId="{6FEA40EF-5354-418D-BB10-C0401F5C5A1E}"/>
          </ac:spMkLst>
        </pc:spChg>
        <pc:spChg chg="mod">
          <ac:chgData name="Thomas Nyman" userId="ac62be27-690b-42bb-ae39-d787d15a1823" providerId="ADAL" clId="{A112BAF0-C041-42F2-A41A-EC6E32F49326}" dt="2021-10-05T10:20:17.473" v="667" actId="255"/>
          <ac:spMkLst>
            <pc:docMk/>
            <pc:sldMk cId="183667758" sldId="483"/>
            <ac:spMk id="25" creationId="{7E236D07-CEEB-47AA-B510-079F41177C47}"/>
          </ac:spMkLst>
        </pc:spChg>
        <pc:spChg chg="mod">
          <ac:chgData name="Thomas Nyman" userId="ac62be27-690b-42bb-ae39-d787d15a1823" providerId="ADAL" clId="{A112BAF0-C041-42F2-A41A-EC6E32F49326}" dt="2021-10-05T10:20:24.177" v="668" actId="255"/>
          <ac:spMkLst>
            <pc:docMk/>
            <pc:sldMk cId="183667758" sldId="483"/>
            <ac:spMk id="27" creationId="{06736CEE-EA9E-4BAA-B74C-B28322E37A0A}"/>
          </ac:spMkLst>
        </pc:spChg>
        <pc:spChg chg="mod">
          <ac:chgData name="Thomas Nyman" userId="ac62be27-690b-42bb-ae39-d787d15a1823" providerId="ADAL" clId="{A112BAF0-C041-42F2-A41A-EC6E32F49326}" dt="2021-10-05T10:19:56.521" v="665" actId="255"/>
          <ac:spMkLst>
            <pc:docMk/>
            <pc:sldMk cId="183667758" sldId="483"/>
            <ac:spMk id="28" creationId="{C9DE278B-69CB-46C1-9161-1C99B6A8F93A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29" creationId="{CB01680A-42AD-4F9E-8667-8CF47B77C1C9}"/>
          </ac:spMkLst>
        </pc:spChg>
        <pc:spChg chg="mod">
          <ac:chgData name="Thomas Nyman" userId="ac62be27-690b-42bb-ae39-d787d15a1823" providerId="ADAL" clId="{A112BAF0-C041-42F2-A41A-EC6E32F49326}" dt="2021-10-05T10:19:50.135" v="664" actId="255"/>
          <ac:spMkLst>
            <pc:docMk/>
            <pc:sldMk cId="183667758" sldId="483"/>
            <ac:spMk id="30" creationId="{A281E302-A15E-4D96-B0F6-18897CE88274}"/>
          </ac:spMkLst>
        </pc:spChg>
        <pc:spChg chg="mod">
          <ac:chgData name="Thomas Nyman" userId="ac62be27-690b-42bb-ae39-d787d15a1823" providerId="ADAL" clId="{A112BAF0-C041-42F2-A41A-EC6E32F49326}" dt="2021-10-05T10:25:32.662" v="780" actId="255"/>
          <ac:spMkLst>
            <pc:docMk/>
            <pc:sldMk cId="183667758" sldId="483"/>
            <ac:spMk id="31" creationId="{0A1D7B2A-ADB7-45D3-B3E9-C05C6C381964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32" creationId="{51549AFE-904E-4BEE-AFC5-EEC9A20B0584}"/>
          </ac:spMkLst>
        </pc:spChg>
        <pc:spChg chg="mod">
          <ac:chgData name="Thomas Nyman" userId="ac62be27-690b-42bb-ae39-d787d15a1823" providerId="ADAL" clId="{A112BAF0-C041-42F2-A41A-EC6E32F49326}" dt="2021-10-05T10:25:18.396" v="778" actId="255"/>
          <ac:spMkLst>
            <pc:docMk/>
            <pc:sldMk cId="183667758" sldId="483"/>
            <ac:spMk id="33" creationId="{F27E32A4-10D4-4CFA-940B-6A903E94B759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34" creationId="{1060D20B-A8D5-4749-830E-19DC485AB685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39" creationId="{7AAC3999-FF0E-4B5D-9DA1-8EE5860D93CC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43" creationId="{20660B54-72C3-425B-A626-6C3FFE4544C1}"/>
          </ac:spMkLst>
        </pc:spChg>
        <pc:spChg chg="mod">
          <ac:chgData name="Thomas Nyman" userId="ac62be27-690b-42bb-ae39-d787d15a1823" providerId="ADAL" clId="{A112BAF0-C041-42F2-A41A-EC6E32F49326}" dt="2021-10-05T10:21:18.260" v="676" actId="404"/>
          <ac:spMkLst>
            <pc:docMk/>
            <pc:sldMk cId="183667758" sldId="483"/>
            <ac:spMk id="59" creationId="{052CC577-064A-4D1D-BD86-6DEE1E8596BD}"/>
          </ac:spMkLst>
        </pc:spChg>
        <pc:spChg chg="mod">
          <ac:chgData name="Thomas Nyman" userId="ac62be27-690b-42bb-ae39-d787d15a1823" providerId="ADAL" clId="{A112BAF0-C041-42F2-A41A-EC6E32F49326}" dt="2021-10-05T10:21:00.024" v="672" actId="255"/>
          <ac:spMkLst>
            <pc:docMk/>
            <pc:sldMk cId="183667758" sldId="483"/>
            <ac:spMk id="60" creationId="{C2C74F37-BE24-456B-B2EC-EF0FA66C050C}"/>
          </ac:spMkLst>
        </pc:spChg>
        <pc:spChg chg="mod">
          <ac:chgData name="Thomas Nyman" userId="ac62be27-690b-42bb-ae39-d787d15a1823" providerId="ADAL" clId="{A112BAF0-C041-42F2-A41A-EC6E32F49326}" dt="2021-10-05T10:21:11.473" v="673" actId="255"/>
          <ac:spMkLst>
            <pc:docMk/>
            <pc:sldMk cId="183667758" sldId="483"/>
            <ac:spMk id="61" creationId="{BF6A9C65-4F6C-4C91-B86D-A7203F84C69B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62" creationId="{F7C23F90-A5F4-458D-8A46-EEED42A92686}"/>
          </ac:spMkLst>
        </pc:spChg>
        <pc:spChg chg="mod">
          <ac:chgData name="Thomas Nyman" userId="ac62be27-690b-42bb-ae39-d787d15a1823" providerId="ADAL" clId="{A112BAF0-C041-42F2-A41A-EC6E32F49326}" dt="2021-10-05T10:24:54.828" v="776" actId="255"/>
          <ac:spMkLst>
            <pc:docMk/>
            <pc:sldMk cId="183667758" sldId="483"/>
            <ac:spMk id="63" creationId="{F3F88ABE-DEFB-4E58-8BEE-EC46E4A9ABBC}"/>
          </ac:spMkLst>
        </pc:spChg>
        <pc:spChg chg="mod">
          <ac:chgData name="Thomas Nyman" userId="ac62be27-690b-42bb-ae39-d787d15a1823" providerId="ADAL" clId="{A112BAF0-C041-42F2-A41A-EC6E32F49326}" dt="2021-10-05T10:20:54.182" v="671" actId="255"/>
          <ac:spMkLst>
            <pc:docMk/>
            <pc:sldMk cId="183667758" sldId="483"/>
            <ac:spMk id="64" creationId="{C326DB12-453F-4DEC-92B9-0234FF89CED3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65" creationId="{F1C25C1C-977F-4620-9A44-C99411B5F7D4}"/>
          </ac:spMkLst>
        </pc:spChg>
        <pc:spChg chg="mod">
          <ac:chgData name="Thomas Nyman" userId="ac62be27-690b-42bb-ae39-d787d15a1823" providerId="ADAL" clId="{A112BAF0-C041-42F2-A41A-EC6E32F49326}" dt="2021-10-05T10:21:47.924" v="680" actId="255"/>
          <ac:spMkLst>
            <pc:docMk/>
            <pc:sldMk cId="183667758" sldId="483"/>
            <ac:spMk id="66" creationId="{EEE79983-0790-469B-B22C-9E60E2A49433}"/>
          </ac:spMkLst>
        </pc:spChg>
        <pc:spChg chg="mod">
          <ac:chgData name="Thomas Nyman" userId="ac62be27-690b-42bb-ae39-d787d15a1823" providerId="ADAL" clId="{A112BAF0-C041-42F2-A41A-EC6E32F49326}" dt="2021-10-05T10:21:38.577" v="679" actId="255"/>
          <ac:spMkLst>
            <pc:docMk/>
            <pc:sldMk cId="183667758" sldId="483"/>
            <ac:spMk id="67" creationId="{094C3BAB-8E02-4AC3-8050-636C6F75A0C9}"/>
          </ac:spMkLst>
        </pc:spChg>
        <pc:spChg chg="mod">
          <ac:chgData name="Thomas Nyman" userId="ac62be27-690b-42bb-ae39-d787d15a1823" providerId="ADAL" clId="{A112BAF0-C041-42F2-A41A-EC6E32F49326}" dt="2021-10-05T10:21:29.190" v="677" actId="255"/>
          <ac:spMkLst>
            <pc:docMk/>
            <pc:sldMk cId="183667758" sldId="483"/>
            <ac:spMk id="68" creationId="{CBAAC4DC-4BA9-4C06-A03D-C827F523007B}"/>
          </ac:spMkLst>
        </pc:spChg>
        <pc:spChg chg="mod">
          <ac:chgData name="Thomas Nyman" userId="ac62be27-690b-42bb-ae39-d787d15a1823" providerId="ADAL" clId="{A112BAF0-C041-42F2-A41A-EC6E32F49326}" dt="2021-10-05T10:21:34.023" v="678" actId="255"/>
          <ac:spMkLst>
            <pc:docMk/>
            <pc:sldMk cId="183667758" sldId="483"/>
            <ac:spMk id="69" creationId="{574161A8-99D6-4EBF-9BB8-FF0D41D995F6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70" creationId="{D573FE07-FBA4-4245-B248-A3B3C9613C75}"/>
          </ac:spMkLst>
        </pc:spChg>
        <pc:spChg chg="mod">
          <ac:chgData name="Thomas Nyman" userId="ac62be27-690b-42bb-ae39-d787d15a1823" providerId="ADAL" clId="{A112BAF0-C041-42F2-A41A-EC6E32F49326}" dt="2021-10-05T10:22:34.932" v="685" actId="255"/>
          <ac:spMkLst>
            <pc:docMk/>
            <pc:sldMk cId="183667758" sldId="483"/>
            <ac:spMk id="71" creationId="{D5D80F4F-FF14-4621-8732-CF4D8E8EE906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72" creationId="{85D923AA-C197-4F6D-BBD8-1E88D95355CC}"/>
          </ac:spMkLst>
        </pc:spChg>
        <pc:spChg chg="mod">
          <ac:chgData name="Thomas Nyman" userId="ac62be27-690b-42bb-ae39-d787d15a1823" providerId="ADAL" clId="{A112BAF0-C041-42F2-A41A-EC6E32F49326}" dt="2021-10-05T10:22:08.885" v="682" actId="255"/>
          <ac:spMkLst>
            <pc:docMk/>
            <pc:sldMk cId="183667758" sldId="483"/>
            <ac:spMk id="73" creationId="{C7155363-2B8C-4DA1-806F-DE73750B8ACA}"/>
          </ac:spMkLst>
        </pc:spChg>
        <pc:spChg chg="mod">
          <ac:chgData name="Thomas Nyman" userId="ac62be27-690b-42bb-ae39-d787d15a1823" providerId="ADAL" clId="{A112BAF0-C041-42F2-A41A-EC6E32F49326}" dt="2021-10-05T10:22:19.994" v="683" actId="255"/>
          <ac:spMkLst>
            <pc:docMk/>
            <pc:sldMk cId="183667758" sldId="483"/>
            <ac:spMk id="74" creationId="{66848A03-019E-4848-8804-A506CC875D2A}"/>
          </ac:spMkLst>
        </pc:spChg>
        <pc:spChg chg="mod">
          <ac:chgData name="Thomas Nyman" userId="ac62be27-690b-42bb-ae39-d787d15a1823" providerId="ADAL" clId="{A112BAF0-C041-42F2-A41A-EC6E32F49326}" dt="2021-10-05T10:22:27.183" v="684" actId="255"/>
          <ac:spMkLst>
            <pc:docMk/>
            <pc:sldMk cId="183667758" sldId="483"/>
            <ac:spMk id="75" creationId="{51216EA6-BB54-42D7-9F83-2CF25D735365}"/>
          </ac:spMkLst>
        </pc:spChg>
        <pc:spChg chg="mod">
          <ac:chgData name="Thomas Nyman" userId="ac62be27-690b-42bb-ae39-d787d15a1823" providerId="ADAL" clId="{A112BAF0-C041-42F2-A41A-EC6E32F49326}" dt="2021-10-05T10:20:04.870" v="666" actId="255"/>
          <ac:spMkLst>
            <pc:docMk/>
            <pc:sldMk cId="183667758" sldId="483"/>
            <ac:spMk id="79" creationId="{B8C69B60-8F8B-4DAD-8FCE-27D681620894}"/>
          </ac:spMkLst>
        </pc:spChg>
        <pc:spChg chg="mod">
          <ac:chgData name="Thomas Nyman" userId="ac62be27-690b-42bb-ae39-d787d15a1823" providerId="ADAL" clId="{A112BAF0-C041-42F2-A41A-EC6E32F49326}" dt="2021-10-05T10:19:22.252" v="659" actId="255"/>
          <ac:spMkLst>
            <pc:docMk/>
            <pc:sldMk cId="183667758" sldId="483"/>
            <ac:spMk id="80" creationId="{6E7DBDAA-C100-464A-AC29-0F9CF44F9497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81" creationId="{3193B1D3-DA19-462E-91B1-822F2D0E4AB6}"/>
          </ac:spMkLst>
        </pc:spChg>
        <pc:spChg chg="mod">
          <ac:chgData name="Thomas Nyman" userId="ac62be27-690b-42bb-ae39-d787d15a1823" providerId="ADAL" clId="{A112BAF0-C041-42F2-A41A-EC6E32F49326}" dt="2021-10-05T10:19:29.343" v="660" actId="255"/>
          <ac:spMkLst>
            <pc:docMk/>
            <pc:sldMk cId="183667758" sldId="483"/>
            <ac:spMk id="84" creationId="{40164D88-57F9-47F1-B3D3-A120B0448E41}"/>
          </ac:spMkLst>
        </pc:spChg>
        <pc:spChg chg="mod">
          <ac:chgData name="Thomas Nyman" userId="ac62be27-690b-42bb-ae39-d787d15a1823" providerId="ADAL" clId="{A112BAF0-C041-42F2-A41A-EC6E32F49326}" dt="2021-10-05T10:19:39.558" v="662" actId="255"/>
          <ac:spMkLst>
            <pc:docMk/>
            <pc:sldMk cId="183667758" sldId="483"/>
            <ac:spMk id="85" creationId="{5A0C0CFB-EB46-4B01-96AF-7A6808C56275}"/>
          </ac:spMkLst>
        </pc:spChg>
        <pc:spChg chg="mod">
          <ac:chgData name="Thomas Nyman" userId="ac62be27-690b-42bb-ae39-d787d15a1823" providerId="ADAL" clId="{A112BAF0-C041-42F2-A41A-EC6E32F49326}" dt="2021-10-05T10:19:43.507" v="663" actId="255"/>
          <ac:spMkLst>
            <pc:docMk/>
            <pc:sldMk cId="183667758" sldId="483"/>
            <ac:spMk id="86" creationId="{EA98988E-7CE0-4B89-A25B-4929982B860F}"/>
          </ac:spMkLst>
        </pc:spChg>
        <pc:spChg chg="mod">
          <ac:chgData name="Thomas Nyman" userId="ac62be27-690b-42bb-ae39-d787d15a1823" providerId="ADAL" clId="{A112BAF0-C041-42F2-A41A-EC6E32F49326}" dt="2021-10-05T10:19:34.224" v="661" actId="255"/>
          <ac:spMkLst>
            <pc:docMk/>
            <pc:sldMk cId="183667758" sldId="483"/>
            <ac:spMk id="88" creationId="{95D71460-34FA-4514-8B63-1722D607DEF6}"/>
          </ac:spMkLst>
        </pc:spChg>
        <pc:spChg chg="add mod">
          <ac:chgData name="Thomas Nyman" userId="ac62be27-690b-42bb-ae39-d787d15a1823" providerId="ADAL" clId="{A112BAF0-C041-42F2-A41A-EC6E32F49326}" dt="2021-10-18T09:31:20.540" v="9104"/>
          <ac:spMkLst>
            <pc:docMk/>
            <pc:sldMk cId="183667758" sldId="483"/>
            <ac:spMk id="91" creationId="{82C5D878-B228-44D1-BF3C-ECAFECFB5CA5}"/>
          </ac:spMkLst>
        </pc:spChg>
        <pc:grpChg chg="add mod">
          <ac:chgData name="Thomas Nyman" userId="ac62be27-690b-42bb-ae39-d787d15a1823" providerId="ADAL" clId="{A112BAF0-C041-42F2-A41A-EC6E32F49326}" dt="2021-10-05T10:19:08.939" v="658" actId="1076"/>
          <ac:grpSpMkLst>
            <pc:docMk/>
            <pc:sldMk cId="183667758" sldId="483"/>
            <ac:grpSpMk id="4" creationId="{B95D1978-0EA3-4DA2-8B53-2E0755C32ADF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10" creationId="{14C2DE71-1A48-45BF-8AB7-0727E59FF14E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21" creationId="{98DFEA08-0FB4-443A-93FF-A028EB12FC9F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26" creationId="{A1EEA21E-B80D-4F6B-944A-34B9590346E0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36" creationId="{10B5A4D7-0931-47D0-B179-241498DE1E32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46" creationId="{B0F2B0CF-C419-45CF-9845-36108833CD30}"/>
          </ac:grpSpMkLst>
        </pc:grp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" creationId="{B8B4BC3A-5921-4FD0-A469-F5D5E8D0EBB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6" creationId="{CA597265-9D68-4084-BDC7-F1C9256660FE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7" creationId="{2931241F-D6D5-4C92-8176-849AEA9AB73B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" creationId="{2C5322B1-947F-4CD2-A372-4219F3AFB14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9" creationId="{D0C2564D-5588-41C3-BFE6-4212B6E5BF1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35" creationId="{46A6D5A2-5589-4180-8CCE-9E377ADAA0C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37" creationId="{4C9A5F38-6F46-437E-914F-7675200FDA46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38" creationId="{023D4D45-51BE-4C78-8B74-9D1DB4B7ADD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0" creationId="{CA07F653-E95B-46B2-B64E-17D2C6E0916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1" creationId="{3E441E4D-53E8-45FF-A34C-D3FD0C8D0D21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2" creationId="{FD8FD380-1DBF-473F-A0B8-F07A0D4E145C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4" creationId="{8ED44219-3313-46D5-9DC6-2FA31AE1FD6C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5" creationId="{6C3EBA7D-0869-4A30-8A91-23BA6FD09A1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7" creationId="{921BFA18-0B53-4801-848D-CD5428E402C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8" creationId="{6838CD2A-694D-4C1B-91BF-2356F7CCEAEF}"/>
          </ac:cxnSpMkLst>
        </pc:cxnChg>
        <pc:cxnChg chg="mod">
          <ac:chgData name="Thomas Nyman" userId="ac62be27-690b-42bb-ae39-d787d15a1823" providerId="ADAL" clId="{A112BAF0-C041-42F2-A41A-EC6E32F49326}" dt="2021-10-05T10:24:43.601" v="775" actId="14100"/>
          <ac:cxnSpMkLst>
            <pc:docMk/>
            <pc:sldMk cId="183667758" sldId="483"/>
            <ac:cxnSpMk id="49" creationId="{DE976D59-1132-41D8-8D1F-A38EF0061BB3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0" creationId="{0023BA57-1DBC-4B74-9FFF-BA92F6C90CBB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1" creationId="{85CA3130-F579-434D-9749-1E8C9C5C3E3B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2" creationId="{60DC7941-D477-41A3-902F-3AA278EC6353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3" creationId="{05453C9C-EF47-403B-9077-886D10E4B5DF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4" creationId="{5A4D6DE1-2B04-4ECA-8E79-4D6A0A74A6B6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5" creationId="{CBC4EF05-B84D-4923-B43D-FE7F2A7E2447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6" creationId="{CD0F59B7-77DB-4BD1-A335-C631D9138861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7" creationId="{A6796115-EEE2-4F76-B854-672F0B4E60AD}"/>
          </ac:cxnSpMkLst>
        </pc:cxnChg>
        <pc:cxnChg chg="mod">
          <ac:chgData name="Thomas Nyman" userId="ac62be27-690b-42bb-ae39-d787d15a1823" providerId="ADAL" clId="{A112BAF0-C041-42F2-A41A-EC6E32F49326}" dt="2021-10-05T10:24:43.601" v="775" actId="14100"/>
          <ac:cxnSpMkLst>
            <pc:docMk/>
            <pc:sldMk cId="183667758" sldId="483"/>
            <ac:cxnSpMk id="58" creationId="{8DD57DFA-847F-418D-8BD4-DDBDC02C5AA4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76" creationId="{825354B0-EA1F-4F13-B344-E945DAB9C18F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77" creationId="{F90E38F8-6B68-4531-A3DA-20B67E95D03E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78" creationId="{716CB749-2BCB-4CE9-A933-35BB9923A2FD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2" creationId="{C8DFDA80-71F9-47E2-B86E-8EDE045D39B0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3" creationId="{41704B63-6372-4027-97D8-F39C760F129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7" creationId="{32AC427C-4C2E-45F8-A48A-BCCA703F13A6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9" creationId="{E25601FD-FFAE-46C0-B046-0D7AE0235D9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90" creationId="{E80AD9AB-3563-4E77-BCFB-805711AA3159}"/>
          </ac:cxnSpMkLst>
        </pc:cxnChg>
      </pc:sldChg>
      <pc:sldChg chg="new del">
        <pc:chgData name="Thomas Nyman" userId="ac62be27-690b-42bb-ae39-d787d15a1823" providerId="ADAL" clId="{A112BAF0-C041-42F2-A41A-EC6E32F49326}" dt="2021-10-05T10:18:32.676" v="653" actId="47"/>
        <pc:sldMkLst>
          <pc:docMk/>
          <pc:sldMk cId="920330205" sldId="483"/>
        </pc:sldMkLst>
      </pc:sldChg>
      <pc:sldChg chg="addSp delSp modSp add mod setBg modAnim">
        <pc:chgData name="Thomas Nyman" userId="ac62be27-690b-42bb-ae39-d787d15a1823" providerId="ADAL" clId="{A112BAF0-C041-42F2-A41A-EC6E32F49326}" dt="2021-10-18T09:40:43.540" v="9773" actId="20577"/>
        <pc:sldMkLst>
          <pc:docMk/>
          <pc:sldMk cId="213818690" sldId="484"/>
        </pc:sldMkLst>
        <pc:spChg chg="mod">
          <ac:chgData name="Thomas Nyman" userId="ac62be27-690b-42bb-ae39-d787d15a1823" providerId="ADAL" clId="{A112BAF0-C041-42F2-A41A-EC6E32F49326}" dt="2021-10-18T09:31:20.541" v="9105" actId="790"/>
          <ac:spMkLst>
            <pc:docMk/>
            <pc:sldMk cId="213818690" sldId="484"/>
            <ac:spMk id="2" creationId="{F6874C52-C64D-4484-AC7B-A1D04547743F}"/>
          </ac:spMkLst>
        </pc:spChg>
        <pc:spChg chg="mod topLvl">
          <ac:chgData name="Thomas Nyman" userId="ac62be27-690b-42bb-ae39-d787d15a1823" providerId="ADAL" clId="{A112BAF0-C041-42F2-A41A-EC6E32F49326}" dt="2021-10-05T10:28:31.536" v="897" actId="164"/>
          <ac:spMkLst>
            <pc:docMk/>
            <pc:sldMk cId="213818690" sldId="484"/>
            <ac:spMk id="11" creationId="{D538D0C1-E7D8-4463-8F9F-54BA66E35742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2" creationId="{994CC80B-D9F1-4474-9ACB-DDFB4E2A63CD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3" creationId="{5B73B1CD-54E0-40B2-BDA1-BB71CD88737E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4" creationId="{9552DFB6-D6BC-4796-AD67-06BEA674F4ED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5" creationId="{8D458109-C9C4-4DA5-A226-D28EE1B396F7}"/>
          </ac:spMkLst>
        </pc:spChg>
        <pc:spChg chg="mod topLvl">
          <ac:chgData name="Thomas Nyman" userId="ac62be27-690b-42bb-ae39-d787d15a1823" providerId="ADAL" clId="{A112BAF0-C041-42F2-A41A-EC6E32F49326}" dt="2021-10-05T10:28:31.536" v="897" actId="164"/>
          <ac:spMkLst>
            <pc:docMk/>
            <pc:sldMk cId="213818690" sldId="484"/>
            <ac:spMk id="16" creationId="{4E0F7CF2-1CD9-40A6-BFE5-A9DC83B848C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7" creationId="{9B8E3EF8-E79E-46C5-BDD6-A5207C3E92A2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8" creationId="{6F5D111A-335F-4622-99E1-6230FD519413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9" creationId="{6669DF75-9D61-436C-AF05-B734407C1681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0" creationId="{ACDB0512-209B-4C28-922E-A341E9629EF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2" creationId="{B71FB6CF-2F31-47C2-8C81-641230E6ECE0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3" creationId="{F8421694-2489-4B06-B52E-B2668589F03A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4" creationId="{6FEA40EF-5354-418D-BB10-C0401F5C5A1E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5" creationId="{7E236D07-CEEB-47AA-B510-079F41177C47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7" creationId="{06736CEE-EA9E-4BAA-B74C-B28322E37A0A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8" creationId="{C9DE278B-69CB-46C1-9161-1C99B6A8F93A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9" creationId="{CB01680A-42AD-4F9E-8667-8CF47B77C1C9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0" creationId="{A281E302-A15E-4D96-B0F6-18897CE8827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1" creationId="{0A1D7B2A-ADB7-45D3-B3E9-C05C6C38196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2" creationId="{51549AFE-904E-4BEE-AFC5-EEC9A20B058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3" creationId="{F27E32A4-10D4-4CFA-940B-6A903E94B759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4" creationId="{1060D20B-A8D5-4749-830E-19DC485AB685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9" creationId="{7AAC3999-FF0E-4B5D-9DA1-8EE5860D93CC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43" creationId="{20660B54-72C3-425B-A626-6C3FFE4544C1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59" creationId="{052CC577-064A-4D1D-BD86-6DEE1E8596BD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0" creationId="{C2C74F37-BE24-456B-B2EC-EF0FA66C050C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1" creationId="{BF6A9C65-4F6C-4C91-B86D-A7203F84C69B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2" creationId="{F7C23F90-A5F4-458D-8A46-EEED42A92686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3" creationId="{F3F88ABE-DEFB-4E58-8BEE-EC46E4A9ABBC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4" creationId="{C326DB12-453F-4DEC-92B9-0234FF89CED3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5" creationId="{F1C25C1C-977F-4620-9A44-C99411B5F7D4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6" creationId="{EEE79983-0790-469B-B22C-9E60E2A49433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7" creationId="{094C3BAB-8E02-4AC3-8050-636C6F75A0C9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8" creationId="{CBAAC4DC-4BA9-4C06-A03D-C827F523007B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9" creationId="{574161A8-99D6-4EBF-9BB8-FF0D41D995F6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0" creationId="{D573FE07-FBA4-4245-B248-A3B3C9613C75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1" creationId="{D5D80F4F-FF14-4621-8732-CF4D8E8EE906}"/>
          </ac:spMkLst>
        </pc:spChg>
        <pc:spChg chg="mod">
          <ac:chgData name="Thomas Nyman" userId="ac62be27-690b-42bb-ae39-d787d15a1823" providerId="ADAL" clId="{A112BAF0-C041-42F2-A41A-EC6E32F49326}" dt="2021-10-05T10:26:43.085" v="868" actId="29295"/>
          <ac:spMkLst>
            <pc:docMk/>
            <pc:sldMk cId="213818690" sldId="484"/>
            <ac:spMk id="72" creationId="{85D923AA-C197-4F6D-BBD8-1E88D95355CC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3" creationId="{C7155363-2B8C-4DA1-806F-DE73750B8ACA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4" creationId="{66848A03-019E-4848-8804-A506CC875D2A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5" creationId="{51216EA6-BB54-42D7-9F83-2CF25D735365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9" creationId="{B8C69B60-8F8B-4DAD-8FCE-27D681620894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0" creationId="{6E7DBDAA-C100-464A-AC29-0F9CF44F9497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1" creationId="{3193B1D3-DA19-462E-91B1-822F2D0E4AB6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4" creationId="{40164D88-57F9-47F1-B3D3-A120B0448E41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5" creationId="{5A0C0CFB-EB46-4B01-96AF-7A6808C56275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6" creationId="{EA98988E-7CE0-4B89-A25B-4929982B860F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8" creationId="{95D71460-34FA-4514-8B63-1722D607DEF6}"/>
          </ac:spMkLst>
        </pc:spChg>
        <pc:spChg chg="mod">
          <ac:chgData name="Thomas Nyman" userId="ac62be27-690b-42bb-ae39-d787d15a1823" providerId="ADAL" clId="{A112BAF0-C041-42F2-A41A-EC6E32F49326}" dt="2021-10-18T09:31:20.543" v="9106"/>
          <ac:spMkLst>
            <pc:docMk/>
            <pc:sldMk cId="213818690" sldId="484"/>
            <ac:spMk id="91" creationId="{82C5D878-B228-44D1-BF3C-ECAFECFB5CA5}"/>
          </ac:spMkLst>
        </pc:spChg>
        <pc:spChg chg="add mod">
          <ac:chgData name="Thomas Nyman" userId="ac62be27-690b-42bb-ae39-d787d15a1823" providerId="ADAL" clId="{A112BAF0-C041-42F2-A41A-EC6E32F49326}" dt="2021-10-05T10:47:07.481" v="1516" actId="164"/>
          <ac:spMkLst>
            <pc:docMk/>
            <pc:sldMk cId="213818690" sldId="484"/>
            <ac:spMk id="93" creationId="{9F62500F-53F1-4F5C-B05B-4E943E83D822}"/>
          </ac:spMkLst>
        </pc:spChg>
        <pc:spChg chg="add mod">
          <ac:chgData name="Thomas Nyman" userId="ac62be27-690b-42bb-ae39-d787d15a1823" providerId="ADAL" clId="{A112BAF0-C041-42F2-A41A-EC6E32F49326}" dt="2021-10-18T09:40:43.540" v="9773" actId="20577"/>
          <ac:spMkLst>
            <pc:docMk/>
            <pc:sldMk cId="213818690" sldId="484"/>
            <ac:spMk id="94" creationId="{0F5EC1FD-634D-4BE3-9A29-233457C12E23}"/>
          </ac:spMkLst>
        </pc:spChg>
        <pc:grpChg chg="add mod">
          <ac:chgData name="Thomas Nyman" userId="ac62be27-690b-42bb-ae39-d787d15a1823" providerId="ADAL" clId="{A112BAF0-C041-42F2-A41A-EC6E32F49326}" dt="2021-10-05T10:26:13.925" v="785" actId="164"/>
          <ac:grpSpMkLst>
            <pc:docMk/>
            <pc:sldMk cId="213818690" sldId="484"/>
            <ac:grpSpMk id="3" creationId="{C00A4819-E213-412D-8278-D0E50DBB58BF}"/>
          </ac:grpSpMkLst>
        </pc:grpChg>
        <pc:grpChg chg="del">
          <ac:chgData name="Thomas Nyman" userId="ac62be27-690b-42bb-ae39-d787d15a1823" providerId="ADAL" clId="{A112BAF0-C041-42F2-A41A-EC6E32F49326}" dt="2021-10-05T10:25:55.167" v="783" actId="165"/>
          <ac:grpSpMkLst>
            <pc:docMk/>
            <pc:sldMk cId="213818690" sldId="484"/>
            <ac:grpSpMk id="4" creationId="{B95D1978-0EA3-4DA2-8B53-2E0755C32ADF}"/>
          </ac:grpSpMkLst>
        </pc:grpChg>
        <pc:grpChg chg="del mod topLvl">
          <ac:chgData name="Thomas Nyman" userId="ac62be27-690b-42bb-ae39-d787d15a1823" providerId="ADAL" clId="{A112BAF0-C041-42F2-A41A-EC6E32F49326}" dt="2021-10-05T10:26:03.206" v="784" actId="165"/>
          <ac:grpSpMkLst>
            <pc:docMk/>
            <pc:sldMk cId="213818690" sldId="484"/>
            <ac:grpSpMk id="10" creationId="{14C2DE71-1A48-45BF-8AB7-0727E59FF14E}"/>
          </ac:grpSpMkLst>
        </pc:grpChg>
        <pc:grpChg chg="mod topLvl">
          <ac:chgData name="Thomas Nyman" userId="ac62be27-690b-42bb-ae39-d787d15a1823" providerId="ADAL" clId="{A112BAF0-C041-42F2-A41A-EC6E32F49326}" dt="2021-10-05T10:28:31.536" v="897" actId="164"/>
          <ac:grpSpMkLst>
            <pc:docMk/>
            <pc:sldMk cId="213818690" sldId="484"/>
            <ac:grpSpMk id="21" creationId="{98DFEA08-0FB4-443A-93FF-A028EB12FC9F}"/>
          </ac:grpSpMkLst>
        </pc:grpChg>
        <pc:grpChg chg="mod topLvl">
          <ac:chgData name="Thomas Nyman" userId="ac62be27-690b-42bb-ae39-d787d15a1823" providerId="ADAL" clId="{A112BAF0-C041-42F2-A41A-EC6E32F49326}" dt="2021-10-05T10:26:13.925" v="785" actId="164"/>
          <ac:grpSpMkLst>
            <pc:docMk/>
            <pc:sldMk cId="213818690" sldId="484"/>
            <ac:grpSpMk id="26" creationId="{A1EEA21E-B80D-4F6B-944A-34B9590346E0}"/>
          </ac:grpSpMkLst>
        </pc:grpChg>
        <pc:grpChg chg="mod topLvl">
          <ac:chgData name="Thomas Nyman" userId="ac62be27-690b-42bb-ae39-d787d15a1823" providerId="ADAL" clId="{A112BAF0-C041-42F2-A41A-EC6E32F49326}" dt="2021-10-05T10:26:13.925" v="785" actId="164"/>
          <ac:grpSpMkLst>
            <pc:docMk/>
            <pc:sldMk cId="213818690" sldId="484"/>
            <ac:grpSpMk id="36" creationId="{10B5A4D7-0931-47D0-B179-241498DE1E32}"/>
          </ac:grpSpMkLst>
        </pc:grpChg>
        <pc:grpChg chg="mod topLvl">
          <ac:chgData name="Thomas Nyman" userId="ac62be27-690b-42bb-ae39-d787d15a1823" providerId="ADAL" clId="{A112BAF0-C041-42F2-A41A-EC6E32F49326}" dt="2021-10-05T10:26:13.925" v="785" actId="164"/>
          <ac:grpSpMkLst>
            <pc:docMk/>
            <pc:sldMk cId="213818690" sldId="484"/>
            <ac:grpSpMk id="46" creationId="{B0F2B0CF-C419-45CF-9845-36108833CD30}"/>
          </ac:grpSpMkLst>
        </pc:grpChg>
        <pc:grpChg chg="add mod ord">
          <ac:chgData name="Thomas Nyman" userId="ac62be27-690b-42bb-ae39-d787d15a1823" providerId="ADAL" clId="{A112BAF0-C041-42F2-A41A-EC6E32F49326}" dt="2021-10-05T10:28:37.539" v="898" actId="166"/>
          <ac:grpSpMkLst>
            <pc:docMk/>
            <pc:sldMk cId="213818690" sldId="484"/>
            <ac:grpSpMk id="92" creationId="{F325709F-7F0D-4375-8F67-52A952F1E6D4}"/>
          </ac:grpSpMkLst>
        </pc:grpChg>
        <pc:grpChg chg="add mod">
          <ac:chgData name="Thomas Nyman" userId="ac62be27-690b-42bb-ae39-d787d15a1823" providerId="ADAL" clId="{A112BAF0-C041-42F2-A41A-EC6E32F49326}" dt="2021-10-05T10:47:07.481" v="1516" actId="164"/>
          <ac:grpSpMkLst>
            <pc:docMk/>
            <pc:sldMk cId="213818690" sldId="484"/>
            <ac:grpSpMk id="98" creationId="{CAAF3286-4C80-45EE-99EB-856F3858E965}"/>
          </ac:grpSpMkLst>
        </pc:grp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" creationId="{B8B4BC3A-5921-4FD0-A469-F5D5E8D0EBB8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6" creationId="{CA597265-9D68-4084-BDC7-F1C9256660FE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7" creationId="{2931241F-D6D5-4C92-8176-849AEA9AB73B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8" creationId="{2C5322B1-947F-4CD2-A372-4219F3AFB142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9" creationId="{D0C2564D-5588-41C3-BFE6-4212B6E5BF18}"/>
          </ac:cxnSpMkLst>
        </pc:cxnChg>
        <pc:cxnChg chg="mod topLvl">
          <ac:chgData name="Thomas Nyman" userId="ac62be27-690b-42bb-ae39-d787d15a1823" providerId="ADAL" clId="{A112BAF0-C041-42F2-A41A-EC6E32F49326}" dt="2021-10-05T10:28:31.536" v="897" actId="164"/>
          <ac:cxnSpMkLst>
            <pc:docMk/>
            <pc:sldMk cId="213818690" sldId="484"/>
            <ac:cxnSpMk id="35" creationId="{46A6D5A2-5589-4180-8CCE-9E377ADAA0C2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37" creationId="{4C9A5F38-6F46-437E-914F-7675200FDA46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38" creationId="{023D4D45-51BE-4C78-8B74-9D1DB4B7ADD2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0" creationId="{CA07F653-E95B-46B2-B64E-17D2C6E09168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1" creationId="{3E441E4D-53E8-45FF-A34C-D3FD0C8D0D21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2" creationId="{FD8FD380-1DBF-473F-A0B8-F07A0D4E145C}"/>
          </ac:cxnSpMkLst>
        </pc:cxnChg>
        <pc:cxnChg chg="mod topLvl">
          <ac:chgData name="Thomas Nyman" userId="ac62be27-690b-42bb-ae39-d787d15a1823" providerId="ADAL" clId="{A112BAF0-C041-42F2-A41A-EC6E32F49326}" dt="2021-10-05T10:28:31.536" v="897" actId="164"/>
          <ac:cxnSpMkLst>
            <pc:docMk/>
            <pc:sldMk cId="213818690" sldId="484"/>
            <ac:cxnSpMk id="44" creationId="{8ED44219-3313-46D5-9DC6-2FA31AE1FD6C}"/>
          </ac:cxnSpMkLst>
        </pc:cxnChg>
        <pc:cxnChg chg="mod topLvl">
          <ac:chgData name="Thomas Nyman" userId="ac62be27-690b-42bb-ae39-d787d15a1823" providerId="ADAL" clId="{A112BAF0-C041-42F2-A41A-EC6E32F49326}" dt="2021-10-05T10:28:31.536" v="897" actId="164"/>
          <ac:cxnSpMkLst>
            <pc:docMk/>
            <pc:sldMk cId="213818690" sldId="484"/>
            <ac:cxnSpMk id="45" creationId="{6C3EBA7D-0869-4A30-8A91-23BA6FD09A18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7" creationId="{921BFA18-0B53-4801-848D-CD5428E402C8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8" creationId="{6838CD2A-694D-4C1B-91BF-2356F7CCEAEF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9" creationId="{DE976D59-1132-41D8-8D1F-A38EF0061BB3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0" creationId="{0023BA57-1DBC-4B74-9FFF-BA92F6C90CBB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1" creationId="{85CA3130-F579-434D-9749-1E8C9C5C3E3B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2" creationId="{60DC7941-D477-41A3-902F-3AA278EC6353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3" creationId="{05453C9C-EF47-403B-9077-886D10E4B5DF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4" creationId="{5A4D6DE1-2B04-4ECA-8E79-4D6A0A74A6B6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5" creationId="{CBC4EF05-B84D-4923-B43D-FE7F2A7E2447}"/>
          </ac:cxnSpMkLst>
        </pc:cxnChg>
        <pc:cxnChg chg="mod topLvl">
          <ac:chgData name="Thomas Nyman" userId="ac62be27-690b-42bb-ae39-d787d15a1823" providerId="ADAL" clId="{A112BAF0-C041-42F2-A41A-EC6E32F49326}" dt="2021-10-05T10:28:31.536" v="897" actId="164"/>
          <ac:cxnSpMkLst>
            <pc:docMk/>
            <pc:sldMk cId="213818690" sldId="484"/>
            <ac:cxnSpMk id="56" creationId="{CD0F59B7-77DB-4BD1-A335-C631D9138861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7" creationId="{A6796115-EEE2-4F76-B854-672F0B4E60AD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8" creationId="{8DD57DFA-847F-418D-8BD4-DDBDC02C5AA4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76" creationId="{825354B0-EA1F-4F13-B344-E945DAB9C18F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77" creationId="{F90E38F8-6B68-4531-A3DA-20B67E95D03E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78" creationId="{716CB749-2BCB-4CE9-A933-35BB9923A2FD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82" creationId="{C8DFDA80-71F9-47E2-B86E-8EDE045D39B0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83" creationId="{41704B63-6372-4027-97D8-F39C760F1292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87" creationId="{32AC427C-4C2E-45F8-A48A-BCCA703F13A6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89" creationId="{E25601FD-FFAE-46C0-B046-0D7AE0235D92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90" creationId="{E80AD9AB-3563-4E77-BCFB-805711AA3159}"/>
          </ac:cxnSpMkLst>
        </pc:cxnChg>
        <pc:cxnChg chg="add mod">
          <ac:chgData name="Thomas Nyman" userId="ac62be27-690b-42bb-ae39-d787d15a1823" providerId="ADAL" clId="{A112BAF0-C041-42F2-A41A-EC6E32F49326}" dt="2021-10-05T10:47:07.481" v="1516" actId="164"/>
          <ac:cxnSpMkLst>
            <pc:docMk/>
            <pc:sldMk cId="213818690" sldId="484"/>
            <ac:cxnSpMk id="96" creationId="{46216005-C9FC-408A-AFB4-3F9E596B3380}"/>
          </ac:cxnSpMkLst>
        </pc:cxnChg>
      </pc:sldChg>
      <pc:sldChg chg="add del">
        <pc:chgData name="Thomas Nyman" userId="ac62be27-690b-42bb-ae39-d787d15a1823" providerId="ADAL" clId="{A112BAF0-C041-42F2-A41A-EC6E32F49326}" dt="2021-10-05T10:24:41.332" v="774"/>
        <pc:sldMkLst>
          <pc:docMk/>
          <pc:sldMk cId="3192316319" sldId="484"/>
        </pc:sldMkLst>
      </pc:sldChg>
      <pc:sldChg chg="addSp delSp modSp add mod modAnim">
        <pc:chgData name="Thomas Nyman" userId="ac62be27-690b-42bb-ae39-d787d15a1823" providerId="ADAL" clId="{A112BAF0-C041-42F2-A41A-EC6E32F49326}" dt="2021-10-18T09:31:20.564" v="9129"/>
        <pc:sldMkLst>
          <pc:docMk/>
          <pc:sldMk cId="425302119" sldId="485"/>
        </pc:sldMkLst>
        <pc:spChg chg="mod">
          <ac:chgData name="Thomas Nyman" userId="ac62be27-690b-42bb-ae39-d787d15a1823" providerId="ADAL" clId="{A112BAF0-C041-42F2-A41A-EC6E32F49326}" dt="2021-10-18T09:31:20.551" v="9114" actId="790"/>
          <ac:spMkLst>
            <pc:docMk/>
            <pc:sldMk cId="425302119" sldId="485"/>
            <ac:spMk id="2" creationId="{F6874C52-C64D-4484-AC7B-A1D04547743F}"/>
          </ac:spMkLst>
        </pc:spChg>
        <pc:spChg chg="add del mod">
          <ac:chgData name="Thomas Nyman" userId="ac62be27-690b-42bb-ae39-d787d15a1823" providerId="ADAL" clId="{A112BAF0-C041-42F2-A41A-EC6E32F49326}" dt="2021-10-05T10:47:53.880" v="1519" actId="478"/>
          <ac:spMkLst>
            <pc:docMk/>
            <pc:sldMk cId="425302119" sldId="485"/>
            <ac:spMk id="3" creationId="{CE65CF8C-3E8F-4488-B2D1-692C57EA7093}"/>
          </ac:spMkLst>
        </pc:spChg>
        <pc:spChg chg="mod topLvl">
          <ac:chgData name="Thomas Nyman" userId="ac62be27-690b-42bb-ae39-d787d15a1823" providerId="ADAL" clId="{A112BAF0-C041-42F2-A41A-EC6E32F49326}" dt="2021-10-08T15:15:26.863" v="2386" actId="164"/>
          <ac:spMkLst>
            <pc:docMk/>
            <pc:sldMk cId="425302119" sldId="485"/>
            <ac:spMk id="11" creationId="{D538D0C1-E7D8-4463-8F9F-54BA66E35742}"/>
          </ac:spMkLst>
        </pc:spChg>
        <pc:spChg chg="mod topLvl">
          <ac:chgData name="Thomas Nyman" userId="ac62be27-690b-42bb-ae39-d787d15a1823" providerId="ADAL" clId="{A112BAF0-C041-42F2-A41A-EC6E32F49326}" dt="2021-10-18T09:31:20.557" v="9123" actId="790"/>
          <ac:spMkLst>
            <pc:docMk/>
            <pc:sldMk cId="425302119" sldId="485"/>
            <ac:spMk id="12" creationId="{994CC80B-D9F1-4474-9ACB-DDFB4E2A63CD}"/>
          </ac:spMkLst>
        </pc:spChg>
        <pc:spChg chg="mod topLvl">
          <ac:chgData name="Thomas Nyman" userId="ac62be27-690b-42bb-ae39-d787d15a1823" providerId="ADAL" clId="{A112BAF0-C041-42F2-A41A-EC6E32F49326}" dt="2021-10-18T09:31:20.558" v="9124" actId="790"/>
          <ac:spMkLst>
            <pc:docMk/>
            <pc:sldMk cId="425302119" sldId="485"/>
            <ac:spMk id="13" creationId="{5B73B1CD-54E0-40B2-BDA1-BB71CD88737E}"/>
          </ac:spMkLst>
        </pc:spChg>
        <pc:spChg chg="mod topLvl">
          <ac:chgData name="Thomas Nyman" userId="ac62be27-690b-42bb-ae39-d787d15a1823" providerId="ADAL" clId="{A112BAF0-C041-42F2-A41A-EC6E32F49326}" dt="2021-10-18T09:31:20.559" v="9125" actId="790"/>
          <ac:spMkLst>
            <pc:docMk/>
            <pc:sldMk cId="425302119" sldId="485"/>
            <ac:spMk id="14" creationId="{9552DFB6-D6BC-4796-AD67-06BEA674F4ED}"/>
          </ac:spMkLst>
        </pc:spChg>
        <pc:spChg chg="mod topLvl">
          <ac:chgData name="Thomas Nyman" userId="ac62be27-690b-42bb-ae39-d787d15a1823" providerId="ADAL" clId="{A112BAF0-C041-42F2-A41A-EC6E32F49326}" dt="2021-10-08T15:15:48.318" v="2387" actId="164"/>
          <ac:spMkLst>
            <pc:docMk/>
            <pc:sldMk cId="425302119" sldId="485"/>
            <ac:spMk id="15" creationId="{8D458109-C9C4-4DA5-A226-D28EE1B396F7}"/>
          </ac:spMkLst>
        </pc:spChg>
        <pc:spChg chg="mod topLvl">
          <ac:chgData name="Thomas Nyman" userId="ac62be27-690b-42bb-ae39-d787d15a1823" providerId="ADAL" clId="{A112BAF0-C041-42F2-A41A-EC6E32F49326}" dt="2021-10-08T15:15:26.863" v="2386" actId="164"/>
          <ac:spMkLst>
            <pc:docMk/>
            <pc:sldMk cId="425302119" sldId="485"/>
            <ac:spMk id="16" creationId="{4E0F7CF2-1CD9-40A6-BFE5-A9DC83B848C4}"/>
          </ac:spMkLst>
        </pc:spChg>
        <pc:spChg chg="mod topLvl">
          <ac:chgData name="Thomas Nyman" userId="ac62be27-690b-42bb-ae39-d787d15a1823" providerId="ADAL" clId="{A112BAF0-C041-42F2-A41A-EC6E32F49326}" dt="2021-10-18T09:31:20.560" v="9126" actId="790"/>
          <ac:spMkLst>
            <pc:docMk/>
            <pc:sldMk cId="425302119" sldId="485"/>
            <ac:spMk id="17" creationId="{9B8E3EF8-E79E-46C5-BDD6-A5207C3E92A2}"/>
          </ac:spMkLst>
        </pc:spChg>
        <pc:spChg chg="mod topLvl">
          <ac:chgData name="Thomas Nyman" userId="ac62be27-690b-42bb-ae39-d787d15a1823" providerId="ADAL" clId="{A112BAF0-C041-42F2-A41A-EC6E32F49326}" dt="2021-10-18T09:31:20.561" v="9127" actId="790"/>
          <ac:spMkLst>
            <pc:docMk/>
            <pc:sldMk cId="425302119" sldId="485"/>
            <ac:spMk id="18" creationId="{6F5D111A-335F-4622-99E1-6230FD519413}"/>
          </ac:spMkLst>
        </pc:spChg>
        <pc:spChg chg="mod topLvl">
          <ac:chgData name="Thomas Nyman" userId="ac62be27-690b-42bb-ae39-d787d15a1823" providerId="ADAL" clId="{A112BAF0-C041-42F2-A41A-EC6E32F49326}" dt="2021-10-18T09:31:20.562" v="9128" actId="790"/>
          <ac:spMkLst>
            <pc:docMk/>
            <pc:sldMk cId="425302119" sldId="485"/>
            <ac:spMk id="19" creationId="{6669DF75-9D61-436C-AF05-B734407C1681}"/>
          </ac:spMkLst>
        </pc:spChg>
        <pc:spChg chg="mod topLvl">
          <ac:chgData name="Thomas Nyman" userId="ac62be27-690b-42bb-ae39-d787d15a1823" providerId="ADAL" clId="{A112BAF0-C041-42F2-A41A-EC6E32F49326}" dt="2021-10-08T15:15:48.318" v="2387" actId="164"/>
          <ac:spMkLst>
            <pc:docMk/>
            <pc:sldMk cId="425302119" sldId="485"/>
            <ac:spMk id="20" creationId="{ACDB0512-209B-4C28-922E-A341E9629EF4}"/>
          </ac:spMkLst>
        </pc:spChg>
        <pc:spChg chg="mod topLvl">
          <ac:chgData name="Thomas Nyman" userId="ac62be27-690b-42bb-ae39-d787d15a1823" providerId="ADAL" clId="{A112BAF0-C041-42F2-A41A-EC6E32F49326}" dt="2021-10-08T15:15:48.318" v="2387" actId="164"/>
          <ac:spMkLst>
            <pc:docMk/>
            <pc:sldMk cId="425302119" sldId="485"/>
            <ac:spMk id="22" creationId="{B71FB6CF-2F31-47C2-8C81-641230E6ECE0}"/>
          </ac:spMkLst>
        </pc:spChg>
        <pc:spChg chg="mod topLvl">
          <ac:chgData name="Thomas Nyman" userId="ac62be27-690b-42bb-ae39-d787d15a1823" providerId="ADAL" clId="{A112BAF0-C041-42F2-A41A-EC6E32F49326}" dt="2021-10-08T15:15:48.318" v="2387" actId="164"/>
          <ac:spMkLst>
            <pc:docMk/>
            <pc:sldMk cId="425302119" sldId="485"/>
            <ac:spMk id="23" creationId="{F8421694-2489-4B06-B52E-B2668589F03A}"/>
          </ac:spMkLst>
        </pc:spChg>
        <pc:spChg chg="mod topLvl">
          <ac:chgData name="Thomas Nyman" userId="ac62be27-690b-42bb-ae39-d787d15a1823" providerId="ADAL" clId="{A112BAF0-C041-42F2-A41A-EC6E32F49326}" dt="2021-10-18T09:31:20.553" v="9116" actId="790"/>
          <ac:spMkLst>
            <pc:docMk/>
            <pc:sldMk cId="425302119" sldId="485"/>
            <ac:spMk id="24" creationId="{6FEA40EF-5354-418D-BB10-C0401F5C5A1E}"/>
          </ac:spMkLst>
        </pc:spChg>
        <pc:spChg chg="mod topLvl">
          <ac:chgData name="Thomas Nyman" userId="ac62be27-690b-42bb-ae39-d787d15a1823" providerId="ADAL" clId="{A112BAF0-C041-42F2-A41A-EC6E32F49326}" dt="2021-10-18T09:31:20.553" v="9117" actId="790"/>
          <ac:spMkLst>
            <pc:docMk/>
            <pc:sldMk cId="425302119" sldId="485"/>
            <ac:spMk id="25" creationId="{7E236D07-CEEB-47AA-B510-079F41177C47}"/>
          </ac:spMkLst>
        </pc:spChg>
        <pc:spChg chg="mod topLvl">
          <ac:chgData name="Thomas Nyman" userId="ac62be27-690b-42bb-ae39-d787d15a1823" providerId="ADAL" clId="{A112BAF0-C041-42F2-A41A-EC6E32F49326}" dt="2021-10-18T09:31:20.554" v="9118" actId="790"/>
          <ac:spMkLst>
            <pc:docMk/>
            <pc:sldMk cId="425302119" sldId="485"/>
            <ac:spMk id="27" creationId="{06736CEE-EA9E-4BAA-B74C-B28322E37A0A}"/>
          </ac:spMkLst>
        </pc:spChg>
        <pc:spChg chg="mod topLvl">
          <ac:chgData name="Thomas Nyman" userId="ac62be27-690b-42bb-ae39-d787d15a1823" providerId="ADAL" clId="{A112BAF0-C041-42F2-A41A-EC6E32F49326}" dt="2021-10-18T09:31:20.554" v="9119" actId="790"/>
          <ac:spMkLst>
            <pc:docMk/>
            <pc:sldMk cId="425302119" sldId="485"/>
            <ac:spMk id="28" creationId="{C9DE278B-69CB-46C1-9161-1C99B6A8F93A}"/>
          </ac:spMkLst>
        </pc:spChg>
        <pc:spChg chg="mod topLvl">
          <ac:chgData name="Thomas Nyman" userId="ac62be27-690b-42bb-ae39-d787d15a1823" providerId="ADAL" clId="{A112BAF0-C041-42F2-A41A-EC6E32F49326}" dt="2021-10-18T09:31:20.555" v="9120" actId="790"/>
          <ac:spMkLst>
            <pc:docMk/>
            <pc:sldMk cId="425302119" sldId="485"/>
            <ac:spMk id="29" creationId="{CB01680A-42AD-4F9E-8667-8CF47B77C1C9}"/>
          </ac:spMkLst>
        </pc:spChg>
        <pc:spChg chg="mod topLvl">
          <ac:chgData name="Thomas Nyman" userId="ac62be27-690b-42bb-ae39-d787d15a1823" providerId="ADAL" clId="{A112BAF0-C041-42F2-A41A-EC6E32F49326}" dt="2021-10-18T09:31:20.556" v="9121" actId="790"/>
          <ac:spMkLst>
            <pc:docMk/>
            <pc:sldMk cId="425302119" sldId="485"/>
            <ac:spMk id="30" creationId="{A281E302-A15E-4D96-B0F6-18897CE88274}"/>
          </ac:spMkLst>
        </pc:spChg>
        <pc:spChg chg="mod topLvl">
          <ac:chgData name="Thomas Nyman" userId="ac62be27-690b-42bb-ae39-d787d15a1823" providerId="ADAL" clId="{A112BAF0-C041-42F2-A41A-EC6E32F49326}" dt="2021-10-05T10:49:05.782" v="1525" actId="164"/>
          <ac:spMkLst>
            <pc:docMk/>
            <pc:sldMk cId="425302119" sldId="485"/>
            <ac:spMk id="31" creationId="{0A1D7B2A-ADB7-45D3-B3E9-C05C6C381964}"/>
          </ac:spMkLst>
        </pc:spChg>
        <pc:spChg chg="mod topLvl">
          <ac:chgData name="Thomas Nyman" userId="ac62be27-690b-42bb-ae39-d787d15a1823" providerId="ADAL" clId="{A112BAF0-C041-42F2-A41A-EC6E32F49326}" dt="2021-10-05T10:49:05.782" v="1525" actId="164"/>
          <ac:spMkLst>
            <pc:docMk/>
            <pc:sldMk cId="425302119" sldId="485"/>
            <ac:spMk id="32" creationId="{51549AFE-904E-4BEE-AFC5-EEC9A20B0584}"/>
          </ac:spMkLst>
        </pc:spChg>
        <pc:spChg chg="mod topLvl">
          <ac:chgData name="Thomas Nyman" userId="ac62be27-690b-42bb-ae39-d787d15a1823" providerId="ADAL" clId="{A112BAF0-C041-42F2-A41A-EC6E32F49326}" dt="2021-10-05T10:49:05.782" v="1525" actId="164"/>
          <ac:spMkLst>
            <pc:docMk/>
            <pc:sldMk cId="425302119" sldId="485"/>
            <ac:spMk id="33" creationId="{F27E32A4-10D4-4CFA-940B-6A903E94B759}"/>
          </ac:spMkLst>
        </pc:spChg>
        <pc:spChg chg="mod topLvl">
          <ac:chgData name="Thomas Nyman" userId="ac62be27-690b-42bb-ae39-d787d15a1823" providerId="ADAL" clId="{A112BAF0-C041-42F2-A41A-EC6E32F49326}" dt="2021-10-05T10:49:05.782" v="1525" actId="164"/>
          <ac:spMkLst>
            <pc:docMk/>
            <pc:sldMk cId="425302119" sldId="485"/>
            <ac:spMk id="34" creationId="{1060D20B-A8D5-4749-830E-19DC485AB685}"/>
          </ac:spMkLst>
        </pc:spChg>
        <pc:spChg chg="mod topLvl">
          <ac:chgData name="Thomas Nyman" userId="ac62be27-690b-42bb-ae39-d787d15a1823" providerId="ADAL" clId="{A112BAF0-C041-42F2-A41A-EC6E32F49326}" dt="2021-10-18T09:31:20.552" v="9115" actId="790"/>
          <ac:spMkLst>
            <pc:docMk/>
            <pc:sldMk cId="425302119" sldId="485"/>
            <ac:spMk id="39" creationId="{7AAC3999-FF0E-4B5D-9DA1-8EE5860D93CC}"/>
          </ac:spMkLst>
        </pc:spChg>
        <pc:spChg chg="mod topLvl">
          <ac:chgData name="Thomas Nyman" userId="ac62be27-690b-42bb-ae39-d787d15a1823" providerId="ADAL" clId="{A112BAF0-C041-42F2-A41A-EC6E32F49326}" dt="2021-10-18T09:31:20.556" v="9122" actId="790"/>
          <ac:spMkLst>
            <pc:docMk/>
            <pc:sldMk cId="425302119" sldId="485"/>
            <ac:spMk id="43" creationId="{20660B54-72C3-425B-A626-6C3FFE4544C1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59" creationId="{052CC577-064A-4D1D-BD86-6DEE1E8596BD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0" creationId="{C2C74F37-BE24-456B-B2EC-EF0FA66C050C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1" creationId="{BF6A9C65-4F6C-4C91-B86D-A7203F84C69B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2" creationId="{F7C23F90-A5F4-458D-8A46-EEED42A92686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3" creationId="{F3F88ABE-DEFB-4E58-8BEE-EC46E4A9ABBC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4" creationId="{C326DB12-453F-4DEC-92B9-0234FF89CED3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5" creationId="{F1C25C1C-977F-4620-9A44-C99411B5F7D4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6" creationId="{EEE79983-0790-469B-B22C-9E60E2A49433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7" creationId="{094C3BAB-8E02-4AC3-8050-636C6F75A0C9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8" creationId="{CBAAC4DC-4BA9-4C06-A03D-C827F523007B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9" creationId="{574161A8-99D6-4EBF-9BB8-FF0D41D995F6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70" creationId="{D573FE07-FBA4-4245-B248-A3B3C9613C75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1" creationId="{D5D80F4F-FF14-4621-8732-CF4D8E8EE906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2" creationId="{85D923AA-C197-4F6D-BBD8-1E88D95355CC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3" creationId="{C7155363-2B8C-4DA1-806F-DE73750B8ACA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4" creationId="{66848A03-019E-4848-8804-A506CC875D2A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5" creationId="{51216EA6-BB54-42D7-9F83-2CF25D735365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79" creationId="{B8C69B60-8F8B-4DAD-8FCE-27D681620894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0" creationId="{6E7DBDAA-C100-464A-AC29-0F9CF44F9497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1" creationId="{3193B1D3-DA19-462E-91B1-822F2D0E4AB6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4" creationId="{40164D88-57F9-47F1-B3D3-A120B0448E41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5" creationId="{5A0C0CFB-EB46-4B01-96AF-7A6808C56275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6" creationId="{EA98988E-7CE0-4B89-A25B-4929982B860F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8" creationId="{95D71460-34FA-4514-8B63-1722D607DEF6}"/>
          </ac:spMkLst>
        </pc:spChg>
        <pc:spChg chg="mod">
          <ac:chgData name="Thomas Nyman" userId="ac62be27-690b-42bb-ae39-d787d15a1823" providerId="ADAL" clId="{A112BAF0-C041-42F2-A41A-EC6E32F49326}" dt="2021-10-18T09:31:20.564" v="9129"/>
          <ac:spMkLst>
            <pc:docMk/>
            <pc:sldMk cId="425302119" sldId="485"/>
            <ac:spMk id="91" creationId="{82C5D878-B228-44D1-BF3C-ECAFECFB5CA5}"/>
          </ac:spMkLst>
        </pc:spChg>
        <pc:spChg chg="mod ord topLvl">
          <ac:chgData name="Thomas Nyman" userId="ac62be27-690b-42bb-ae39-d787d15a1823" providerId="ADAL" clId="{A112BAF0-C041-42F2-A41A-EC6E32F49326}" dt="2021-10-08T15:18:34.541" v="2531" actId="164"/>
          <ac:spMkLst>
            <pc:docMk/>
            <pc:sldMk cId="425302119" sldId="485"/>
            <ac:spMk id="95" creationId="{1FFE5140-E9A8-4B22-9CA4-78AE860AA546}"/>
          </ac:spMkLst>
        </pc:spChg>
        <pc:spChg chg="mod topLvl">
          <ac:chgData name="Thomas Nyman" userId="ac62be27-690b-42bb-ae39-d787d15a1823" providerId="ADAL" clId="{A112BAF0-C041-42F2-A41A-EC6E32F49326}" dt="2021-10-08T15:29:06.360" v="2971" actId="14100"/>
          <ac:spMkLst>
            <pc:docMk/>
            <pc:sldMk cId="425302119" sldId="485"/>
            <ac:spMk id="96" creationId="{B487740A-192F-40C4-B0F3-945D0CB7A3BB}"/>
          </ac:spMkLst>
        </pc:spChg>
        <pc:grpChg chg="add mod">
          <ac:chgData name="Thomas Nyman" userId="ac62be27-690b-42bb-ae39-d787d15a1823" providerId="ADAL" clId="{A112BAF0-C041-42F2-A41A-EC6E32F49326}" dt="2021-10-08T15:15:26.863" v="2386" actId="164"/>
          <ac:grpSpMkLst>
            <pc:docMk/>
            <pc:sldMk cId="425302119" sldId="485"/>
            <ac:grpSpMk id="3" creationId="{BEA5A476-995F-4430-A24A-CEC38B9CF707}"/>
          </ac:grpSpMkLst>
        </pc:grpChg>
        <pc:grpChg chg="del">
          <ac:chgData name="Thomas Nyman" userId="ac62be27-690b-42bb-ae39-d787d15a1823" providerId="ADAL" clId="{A112BAF0-C041-42F2-A41A-EC6E32F49326}" dt="2021-10-05T10:47:58.880" v="1520" actId="165"/>
          <ac:grpSpMkLst>
            <pc:docMk/>
            <pc:sldMk cId="425302119" sldId="485"/>
            <ac:grpSpMk id="4" creationId="{B95D1978-0EA3-4DA2-8B53-2E0755C32ADF}"/>
          </ac:grpSpMkLst>
        </pc:grpChg>
        <pc:grpChg chg="add mod">
          <ac:chgData name="Thomas Nyman" userId="ac62be27-690b-42bb-ae39-d787d15a1823" providerId="ADAL" clId="{A112BAF0-C041-42F2-A41A-EC6E32F49326}" dt="2021-10-08T15:15:48.318" v="2387" actId="164"/>
          <ac:grpSpMkLst>
            <pc:docMk/>
            <pc:sldMk cId="425302119" sldId="485"/>
            <ac:grpSpMk id="10" creationId="{0787E0B9-4535-4F04-B955-1ECA14D1C4B7}"/>
          </ac:grpSpMkLst>
        </pc:grpChg>
        <pc:grpChg chg="del mod topLvl">
          <ac:chgData name="Thomas Nyman" userId="ac62be27-690b-42bb-ae39-d787d15a1823" providerId="ADAL" clId="{A112BAF0-C041-42F2-A41A-EC6E32F49326}" dt="2021-10-05T10:48:05.390" v="1521" actId="165"/>
          <ac:grpSpMkLst>
            <pc:docMk/>
            <pc:sldMk cId="425302119" sldId="485"/>
            <ac:grpSpMk id="10" creationId="{14C2DE71-1A48-45BF-8AB7-0727E59FF14E}"/>
          </ac:grpSpMkLst>
        </pc:grpChg>
        <pc:grpChg chg="mod topLvl">
          <ac:chgData name="Thomas Nyman" userId="ac62be27-690b-42bb-ae39-d787d15a1823" providerId="ADAL" clId="{A112BAF0-C041-42F2-A41A-EC6E32F49326}" dt="2021-10-08T15:15:26.863" v="2386" actId="164"/>
          <ac:grpSpMkLst>
            <pc:docMk/>
            <pc:sldMk cId="425302119" sldId="485"/>
            <ac:grpSpMk id="21" creationId="{98DFEA08-0FB4-443A-93FF-A028EB12FC9F}"/>
          </ac:grpSpMkLst>
        </pc:grpChg>
        <pc:grpChg chg="mod topLvl">
          <ac:chgData name="Thomas Nyman" userId="ac62be27-690b-42bb-ae39-d787d15a1823" providerId="ADAL" clId="{A112BAF0-C041-42F2-A41A-EC6E32F49326}" dt="2021-10-08T15:15:48.318" v="2387" actId="164"/>
          <ac:grpSpMkLst>
            <pc:docMk/>
            <pc:sldMk cId="425302119" sldId="485"/>
            <ac:grpSpMk id="26" creationId="{A1EEA21E-B80D-4F6B-944A-34B9590346E0}"/>
          </ac:grpSpMkLst>
        </pc:grpChg>
        <pc:grpChg chg="mod topLvl">
          <ac:chgData name="Thomas Nyman" userId="ac62be27-690b-42bb-ae39-d787d15a1823" providerId="ADAL" clId="{A112BAF0-C041-42F2-A41A-EC6E32F49326}" dt="2021-10-08T15:15:09.958" v="2383" actId="165"/>
          <ac:grpSpMkLst>
            <pc:docMk/>
            <pc:sldMk cId="425302119" sldId="485"/>
            <ac:grpSpMk id="36" creationId="{10B5A4D7-0931-47D0-B179-241498DE1E32}"/>
          </ac:grpSpMkLst>
        </pc:grpChg>
        <pc:grpChg chg="mod topLvl">
          <ac:chgData name="Thomas Nyman" userId="ac62be27-690b-42bb-ae39-d787d15a1823" providerId="ADAL" clId="{A112BAF0-C041-42F2-A41A-EC6E32F49326}" dt="2021-10-08T15:15:09.958" v="2383" actId="165"/>
          <ac:grpSpMkLst>
            <pc:docMk/>
            <pc:sldMk cId="425302119" sldId="485"/>
            <ac:grpSpMk id="46" creationId="{B0F2B0CF-C419-45CF-9845-36108833CD30}"/>
          </ac:grpSpMkLst>
        </pc:grpChg>
        <pc:grpChg chg="add del mod">
          <ac:chgData name="Thomas Nyman" userId="ac62be27-690b-42bb-ae39-d787d15a1823" providerId="ADAL" clId="{A112BAF0-C041-42F2-A41A-EC6E32F49326}" dt="2021-10-08T15:15:09.958" v="2383" actId="165"/>
          <ac:grpSpMkLst>
            <pc:docMk/>
            <pc:sldMk cId="425302119" sldId="485"/>
            <ac:grpSpMk id="92" creationId="{36ECED92-2D83-4CEC-99CA-4F3C80D55D2E}"/>
          </ac:grpSpMkLst>
        </pc:grpChg>
        <pc:grpChg chg="add mod">
          <ac:chgData name="Thomas Nyman" userId="ac62be27-690b-42bb-ae39-d787d15a1823" providerId="ADAL" clId="{A112BAF0-C041-42F2-A41A-EC6E32F49326}" dt="2021-10-05T10:49:05.782" v="1525" actId="164"/>
          <ac:grpSpMkLst>
            <pc:docMk/>
            <pc:sldMk cId="425302119" sldId="485"/>
            <ac:grpSpMk id="93" creationId="{6D134D68-04A7-4BD9-A6AF-20CE774BCA58}"/>
          </ac:grpSpMkLst>
        </pc:grpChg>
        <pc:grpChg chg="add del mod">
          <ac:chgData name="Thomas Nyman" userId="ac62be27-690b-42bb-ae39-d787d15a1823" providerId="ADAL" clId="{A112BAF0-C041-42F2-A41A-EC6E32F49326}" dt="2021-10-05T10:55:57.937" v="1533" actId="165"/>
          <ac:grpSpMkLst>
            <pc:docMk/>
            <pc:sldMk cId="425302119" sldId="485"/>
            <ac:grpSpMk id="94" creationId="{33B768BF-B07B-43E7-B841-A28C6A492B1F}"/>
          </ac:grpSpMkLst>
        </pc:grpChg>
        <pc:grpChg chg="add mod">
          <ac:chgData name="Thomas Nyman" userId="ac62be27-690b-42bb-ae39-d787d15a1823" providerId="ADAL" clId="{A112BAF0-C041-42F2-A41A-EC6E32F49326}" dt="2021-10-08T15:18:34.541" v="2531" actId="164"/>
          <ac:grpSpMkLst>
            <pc:docMk/>
            <pc:sldMk cId="425302119" sldId="485"/>
            <ac:grpSpMk id="100" creationId="{27EAD735-2D7A-4974-AFB4-499C6D0BCD1F}"/>
          </ac:grpSpMkLst>
        </pc:grpChg>
        <pc:cxnChg chg="mod topLvl">
          <ac:chgData name="Thomas Nyman" userId="ac62be27-690b-42bb-ae39-d787d15a1823" providerId="ADAL" clId="{A112BAF0-C041-42F2-A41A-EC6E32F49326}" dt="2021-10-08T15:15:48.318" v="2387" actId="164"/>
          <ac:cxnSpMkLst>
            <pc:docMk/>
            <pc:sldMk cId="425302119" sldId="485"/>
            <ac:cxnSpMk id="5" creationId="{B8B4BC3A-5921-4FD0-A469-F5D5E8D0EBB8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6" creationId="{CA597265-9D68-4084-BDC7-F1C9256660FE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7" creationId="{2931241F-D6D5-4C92-8176-849AEA9AB73B}"/>
          </ac:cxnSpMkLst>
        </pc:cxnChg>
        <pc:cxnChg chg="mod topLvl">
          <ac:chgData name="Thomas Nyman" userId="ac62be27-690b-42bb-ae39-d787d15a1823" providerId="ADAL" clId="{A112BAF0-C041-42F2-A41A-EC6E32F49326}" dt="2021-10-08T15:15:48.318" v="2387" actId="164"/>
          <ac:cxnSpMkLst>
            <pc:docMk/>
            <pc:sldMk cId="425302119" sldId="485"/>
            <ac:cxnSpMk id="8" creationId="{2C5322B1-947F-4CD2-A372-4219F3AFB142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9" creationId="{D0C2564D-5588-41C3-BFE6-4212B6E5BF18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35" creationId="{46A6D5A2-5589-4180-8CCE-9E377ADAA0C2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37" creationId="{4C9A5F38-6F46-437E-914F-7675200FDA46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38" creationId="{023D4D45-51BE-4C78-8B74-9D1DB4B7ADD2}"/>
          </ac:cxnSpMkLst>
        </pc:cxnChg>
        <pc:cxnChg chg="mod topLvl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40" creationId="{CA07F653-E95B-46B2-B64E-17D2C6E09168}"/>
          </ac:cxnSpMkLst>
        </pc:cxnChg>
        <pc:cxnChg chg="mod topLvl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41" creationId="{3E441E4D-53E8-45FF-A34C-D3FD0C8D0D21}"/>
          </ac:cxnSpMkLst>
        </pc:cxnChg>
        <pc:cxnChg chg="mod topLvl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42" creationId="{FD8FD380-1DBF-473F-A0B8-F07A0D4E145C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44" creationId="{8ED44219-3313-46D5-9DC6-2FA31AE1FD6C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45" creationId="{6C3EBA7D-0869-4A30-8A91-23BA6FD09A18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47" creationId="{921BFA18-0B53-4801-848D-CD5428E402C8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48" creationId="{6838CD2A-694D-4C1B-91BF-2356F7CCEAEF}"/>
          </ac:cxnSpMkLst>
        </pc:cxnChg>
        <pc:cxnChg chg="mod topLvl">
          <ac:chgData name="Thomas Nyman" userId="ac62be27-690b-42bb-ae39-d787d15a1823" providerId="ADAL" clId="{A112BAF0-C041-42F2-A41A-EC6E32F49326}" dt="2021-10-08T15:15:48.318" v="2387" actId="164"/>
          <ac:cxnSpMkLst>
            <pc:docMk/>
            <pc:sldMk cId="425302119" sldId="485"/>
            <ac:cxnSpMk id="49" creationId="{DE976D59-1132-41D8-8D1F-A38EF0061BB3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0" creationId="{0023BA57-1DBC-4B74-9FFF-BA92F6C90CBB}"/>
          </ac:cxnSpMkLst>
        </pc:cxnChg>
        <pc:cxnChg chg="mod topLvl">
          <ac:chgData name="Thomas Nyman" userId="ac62be27-690b-42bb-ae39-d787d15a1823" providerId="ADAL" clId="{A112BAF0-C041-42F2-A41A-EC6E32F49326}" dt="2021-10-08T15:15:48.318" v="2387" actId="164"/>
          <ac:cxnSpMkLst>
            <pc:docMk/>
            <pc:sldMk cId="425302119" sldId="485"/>
            <ac:cxnSpMk id="51" creationId="{85CA3130-F579-434D-9749-1E8C9C5C3E3B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2" creationId="{60DC7941-D477-41A3-902F-3AA278EC6353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3" creationId="{05453C9C-EF47-403B-9077-886D10E4B5DF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4" creationId="{5A4D6DE1-2B04-4ECA-8E79-4D6A0A74A6B6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5" creationId="{CBC4EF05-B84D-4923-B43D-FE7F2A7E2447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56" creationId="{CD0F59B7-77DB-4BD1-A335-C631D9138861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7" creationId="{A6796115-EEE2-4F76-B854-672F0B4E60AD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8" creationId="{8DD57DFA-847F-418D-8BD4-DDBDC02C5AA4}"/>
          </ac:cxnSpMkLst>
        </pc:cxnChg>
        <pc:cxnChg chg="mod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76" creationId="{825354B0-EA1F-4F13-B344-E945DAB9C18F}"/>
          </ac:cxnSpMkLst>
        </pc:cxnChg>
        <pc:cxnChg chg="mod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77" creationId="{F90E38F8-6B68-4531-A3DA-20B67E95D03E}"/>
          </ac:cxnSpMkLst>
        </pc:cxnChg>
        <pc:cxnChg chg="mod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78" creationId="{716CB749-2BCB-4CE9-A933-35BB9923A2FD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82" creationId="{C8DFDA80-71F9-47E2-B86E-8EDE045D39B0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83" creationId="{41704B63-6372-4027-97D8-F39C760F1292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87" creationId="{32AC427C-4C2E-45F8-A48A-BCCA703F13A6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89" creationId="{E25601FD-FFAE-46C0-B046-0D7AE0235D92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90" creationId="{E80AD9AB-3563-4E77-BCFB-805711AA3159}"/>
          </ac:cxnSpMkLst>
        </pc:cxnChg>
        <pc:cxnChg chg="del mod topLvl">
          <ac:chgData name="Thomas Nyman" userId="ac62be27-690b-42bb-ae39-d787d15a1823" providerId="ADAL" clId="{A112BAF0-C041-42F2-A41A-EC6E32F49326}" dt="2021-10-08T15:16:56.003" v="2395" actId="478"/>
          <ac:cxnSpMkLst>
            <pc:docMk/>
            <pc:sldMk cId="425302119" sldId="485"/>
            <ac:cxnSpMk id="97" creationId="{E64FCA2A-6E45-4B2D-927E-FF2FDEBA444E}"/>
          </ac:cxnSpMkLst>
        </pc:cxnChg>
        <pc:cxnChg chg="add mod">
          <ac:chgData name="Thomas Nyman" userId="ac62be27-690b-42bb-ae39-d787d15a1823" providerId="ADAL" clId="{A112BAF0-C041-42F2-A41A-EC6E32F49326}" dt="2021-10-08T15:29:06.360" v="2971" actId="14100"/>
          <ac:cxnSpMkLst>
            <pc:docMk/>
            <pc:sldMk cId="425302119" sldId="485"/>
            <ac:cxnSpMk id="98" creationId="{35E33D58-2A7E-40D0-B023-3050B5947335}"/>
          </ac:cxnSpMkLst>
        </pc:cxnChg>
      </pc:sldChg>
      <pc:sldChg chg="add del">
        <pc:chgData name="Thomas Nyman" userId="ac62be27-690b-42bb-ae39-d787d15a1823" providerId="ADAL" clId="{A112BAF0-C041-42F2-A41A-EC6E32F49326}" dt="2021-10-05T10:24:40.615" v="773"/>
        <pc:sldMkLst>
          <pc:docMk/>
          <pc:sldMk cId="3446667977" sldId="485"/>
        </pc:sldMkLst>
      </pc:sldChg>
      <pc:sldChg chg="modSp mod">
        <pc:chgData name="Thomas Nyman" userId="ac62be27-690b-42bb-ae39-d787d15a1823" providerId="ADAL" clId="{A112BAF0-C041-42F2-A41A-EC6E32F49326}" dt="2021-10-18T09:31:20.728" v="9352" actId="790"/>
        <pc:sldMkLst>
          <pc:docMk/>
          <pc:sldMk cId="1093299127" sldId="486"/>
        </pc:sldMkLst>
        <pc:spChg chg="mod">
          <ac:chgData name="Thomas Nyman" userId="ac62be27-690b-42bb-ae39-d787d15a1823" providerId="ADAL" clId="{A112BAF0-C041-42F2-A41A-EC6E32F49326}" dt="2021-10-18T09:31:20.714" v="9334" actId="790"/>
          <ac:spMkLst>
            <pc:docMk/>
            <pc:sldMk cId="1093299127" sldId="486"/>
            <ac:spMk id="2" creationId="{AB77B8F4-4DA4-4B3F-94FB-3703E1118225}"/>
          </ac:spMkLst>
        </pc:spChg>
        <pc:spChg chg="mod">
          <ac:chgData name="Thomas Nyman" userId="ac62be27-690b-42bb-ae39-d787d15a1823" providerId="ADAL" clId="{A112BAF0-C041-42F2-A41A-EC6E32F49326}" dt="2021-10-18T09:31:20.719" v="9343"/>
          <ac:spMkLst>
            <pc:docMk/>
            <pc:sldMk cId="1093299127" sldId="486"/>
            <ac:spMk id="3" creationId="{6D0402A5-6930-4084-A337-7AB11902FC40}"/>
          </ac:spMkLst>
        </pc:spChg>
        <pc:spChg chg="mod">
          <ac:chgData name="Thomas Nyman" userId="ac62be27-690b-42bb-ae39-d787d15a1823" providerId="ADAL" clId="{A112BAF0-C041-42F2-A41A-EC6E32F49326}" dt="2021-10-18T09:31:20.720" v="9345"/>
          <ac:spMkLst>
            <pc:docMk/>
            <pc:sldMk cId="1093299127" sldId="486"/>
            <ac:spMk id="4" creationId="{7DFE96AF-6F08-4E5E-9229-F7147ED503A5}"/>
          </ac:spMkLst>
        </pc:spChg>
        <pc:spChg chg="mod">
          <ac:chgData name="Thomas Nyman" userId="ac62be27-690b-42bb-ae39-d787d15a1823" providerId="ADAL" clId="{A112BAF0-C041-42F2-A41A-EC6E32F49326}" dt="2021-10-18T09:31:20.721" v="9346" actId="790"/>
          <ac:spMkLst>
            <pc:docMk/>
            <pc:sldMk cId="1093299127" sldId="486"/>
            <ac:spMk id="6" creationId="{192E595F-93FD-4FD1-A68B-BD40A45C8928}"/>
          </ac:spMkLst>
        </pc:spChg>
        <pc:spChg chg="mod">
          <ac:chgData name="Thomas Nyman" userId="ac62be27-690b-42bb-ae39-d787d15a1823" providerId="ADAL" clId="{A112BAF0-C041-42F2-A41A-EC6E32F49326}" dt="2021-10-18T09:31:20.713" v="9331"/>
          <ac:spMkLst>
            <pc:docMk/>
            <pc:sldMk cId="1093299127" sldId="486"/>
            <ac:spMk id="8" creationId="{FD5F01C6-032B-4444-ADA8-356791C6E3CC}"/>
          </ac:spMkLst>
        </pc:spChg>
        <pc:spChg chg="mod">
          <ac:chgData name="Thomas Nyman" userId="ac62be27-690b-42bb-ae39-d787d15a1823" providerId="ADAL" clId="{A112BAF0-C041-42F2-A41A-EC6E32F49326}" dt="2021-10-18T09:31:20.713" v="9333"/>
          <ac:spMkLst>
            <pc:docMk/>
            <pc:sldMk cId="1093299127" sldId="486"/>
            <ac:spMk id="9" creationId="{1D5E7CAC-94F5-4596-83E1-7DB62F81B6A5}"/>
          </ac:spMkLst>
        </pc:spChg>
        <pc:spChg chg="mod">
          <ac:chgData name="Thomas Nyman" userId="ac62be27-690b-42bb-ae39-d787d15a1823" providerId="ADAL" clId="{A112BAF0-C041-42F2-A41A-EC6E32F49326}" dt="2021-10-18T09:31:20.714" v="9335"/>
          <ac:spMkLst>
            <pc:docMk/>
            <pc:sldMk cId="1093299127" sldId="486"/>
            <ac:spMk id="11" creationId="{A919DE69-9424-4956-BBDA-1582BEA45DEC}"/>
          </ac:spMkLst>
        </pc:spChg>
        <pc:spChg chg="mod">
          <ac:chgData name="Thomas Nyman" userId="ac62be27-690b-42bb-ae39-d787d15a1823" providerId="ADAL" clId="{A112BAF0-C041-42F2-A41A-EC6E32F49326}" dt="2021-10-18T09:31:20.713" v="9332"/>
          <ac:spMkLst>
            <pc:docMk/>
            <pc:sldMk cId="1093299127" sldId="486"/>
            <ac:spMk id="12" creationId="{E8CFC069-8D85-4824-9978-BC41CF5A55FF}"/>
          </ac:spMkLst>
        </pc:spChg>
        <pc:spChg chg="mod">
          <ac:chgData name="Thomas Nyman" userId="ac62be27-690b-42bb-ae39-d787d15a1823" providerId="ADAL" clId="{A112BAF0-C041-42F2-A41A-EC6E32F49326}" dt="2021-10-18T09:31:20.715" v="9336" actId="790"/>
          <ac:spMkLst>
            <pc:docMk/>
            <pc:sldMk cId="1093299127" sldId="486"/>
            <ac:spMk id="13" creationId="{F5C4EC0F-88A1-4417-8103-63B2EBB1A1E4}"/>
          </ac:spMkLst>
        </pc:spChg>
        <pc:spChg chg="mod">
          <ac:chgData name="Thomas Nyman" userId="ac62be27-690b-42bb-ae39-d787d15a1823" providerId="ADAL" clId="{A112BAF0-C041-42F2-A41A-EC6E32F49326}" dt="2021-10-18T09:31:20.715" v="9337"/>
          <ac:spMkLst>
            <pc:docMk/>
            <pc:sldMk cId="1093299127" sldId="486"/>
            <ac:spMk id="14" creationId="{07714B90-E557-46CC-A6A5-39A2E87674AD}"/>
          </ac:spMkLst>
        </pc:spChg>
        <pc:spChg chg="mod">
          <ac:chgData name="Thomas Nyman" userId="ac62be27-690b-42bb-ae39-d787d15a1823" providerId="ADAL" clId="{A112BAF0-C041-42F2-A41A-EC6E32F49326}" dt="2021-10-18T09:31:20.716" v="9338"/>
          <ac:spMkLst>
            <pc:docMk/>
            <pc:sldMk cId="1093299127" sldId="486"/>
            <ac:spMk id="15" creationId="{F4EF217F-D926-47F8-BD00-4DA8EE59B3B6}"/>
          </ac:spMkLst>
        </pc:spChg>
        <pc:spChg chg="mod">
          <ac:chgData name="Thomas Nyman" userId="ac62be27-690b-42bb-ae39-d787d15a1823" providerId="ADAL" clId="{A112BAF0-C041-42F2-A41A-EC6E32F49326}" dt="2021-10-18T09:31:20.716" v="9339"/>
          <ac:spMkLst>
            <pc:docMk/>
            <pc:sldMk cId="1093299127" sldId="486"/>
            <ac:spMk id="16" creationId="{D3DE39E8-738C-4866-B986-61CE36B6C287}"/>
          </ac:spMkLst>
        </pc:spChg>
        <pc:spChg chg="mod">
          <ac:chgData name="Thomas Nyman" userId="ac62be27-690b-42bb-ae39-d787d15a1823" providerId="ADAL" clId="{A112BAF0-C041-42F2-A41A-EC6E32F49326}" dt="2021-10-18T09:31:20.727" v="9351" actId="790"/>
          <ac:spMkLst>
            <pc:docMk/>
            <pc:sldMk cId="1093299127" sldId="486"/>
            <ac:spMk id="23" creationId="{63578816-65A1-41AE-B89D-1776B3D71780}"/>
          </ac:spMkLst>
        </pc:spChg>
        <pc:spChg chg="mod">
          <ac:chgData name="Thomas Nyman" userId="ac62be27-690b-42bb-ae39-d787d15a1823" providerId="ADAL" clId="{A112BAF0-C041-42F2-A41A-EC6E32F49326}" dt="2021-10-18T09:31:20.728" v="9352" actId="790"/>
          <ac:spMkLst>
            <pc:docMk/>
            <pc:sldMk cId="1093299127" sldId="486"/>
            <ac:spMk id="24" creationId="{20BCE481-E881-4586-8486-58A6CD62CC51}"/>
          </ac:spMkLst>
        </pc:spChg>
        <pc:spChg chg="mod">
          <ac:chgData name="Thomas Nyman" userId="ac62be27-690b-42bb-ae39-d787d15a1823" providerId="ADAL" clId="{A112BAF0-C041-42F2-A41A-EC6E32F49326}" dt="2021-10-18T09:31:20.717" v="9340" actId="790"/>
          <ac:spMkLst>
            <pc:docMk/>
            <pc:sldMk cId="1093299127" sldId="486"/>
            <ac:spMk id="26" creationId="{6F09682A-04DB-4308-9342-B4DC69EAF5B4}"/>
          </ac:spMkLst>
        </pc:spChg>
        <pc:spChg chg="mod">
          <ac:chgData name="Thomas Nyman" userId="ac62be27-690b-42bb-ae39-d787d15a1823" providerId="ADAL" clId="{A112BAF0-C041-42F2-A41A-EC6E32F49326}" dt="2021-10-18T09:31:20.718" v="9341"/>
          <ac:spMkLst>
            <pc:docMk/>
            <pc:sldMk cId="1093299127" sldId="486"/>
            <ac:spMk id="30" creationId="{B730A448-1AB1-408A-99B1-53155536E38F}"/>
          </ac:spMkLst>
        </pc:spChg>
        <pc:spChg chg="mod">
          <ac:chgData name="Thomas Nyman" userId="ac62be27-690b-42bb-ae39-d787d15a1823" providerId="ADAL" clId="{A112BAF0-C041-42F2-A41A-EC6E32F49326}" dt="2021-10-18T09:31:20.726" v="9350" actId="790"/>
          <ac:spMkLst>
            <pc:docMk/>
            <pc:sldMk cId="1093299127" sldId="486"/>
            <ac:spMk id="31" creationId="{DBCEEDC6-5F87-4AC5-AFCC-94D7CF5E7667}"/>
          </ac:spMkLst>
        </pc:spChg>
        <pc:spChg chg="mod">
          <ac:chgData name="Thomas Nyman" userId="ac62be27-690b-42bb-ae39-d787d15a1823" providerId="ADAL" clId="{A112BAF0-C041-42F2-A41A-EC6E32F49326}" dt="2021-10-18T09:31:20.718" v="9342" actId="790"/>
          <ac:spMkLst>
            <pc:docMk/>
            <pc:sldMk cId="1093299127" sldId="486"/>
            <ac:spMk id="32" creationId="{EC7ADF0D-10E4-464A-A6A0-6320792DE604}"/>
          </ac:spMkLst>
        </pc:spChg>
        <pc:spChg chg="mod">
          <ac:chgData name="Thomas Nyman" userId="ac62be27-690b-42bb-ae39-d787d15a1823" providerId="ADAL" clId="{A112BAF0-C041-42F2-A41A-EC6E32F49326}" dt="2021-10-18T09:31:20.721" v="9347"/>
          <ac:spMkLst>
            <pc:docMk/>
            <pc:sldMk cId="1093299127" sldId="486"/>
            <ac:spMk id="39" creationId="{AF77E995-5479-4AF0-A467-87000E1DB88D}"/>
          </ac:spMkLst>
        </pc:spChg>
        <pc:spChg chg="mod">
          <ac:chgData name="Thomas Nyman" userId="ac62be27-690b-42bb-ae39-d787d15a1823" providerId="ADAL" clId="{A112BAF0-C041-42F2-A41A-EC6E32F49326}" dt="2021-10-18T09:31:20.720" v="9344"/>
          <ac:spMkLst>
            <pc:docMk/>
            <pc:sldMk cId="1093299127" sldId="486"/>
            <ac:spMk id="40" creationId="{F4035454-FA35-498B-85E7-EF66D6CF2CEC}"/>
          </ac:spMkLst>
        </pc:spChg>
        <pc:spChg chg="mod">
          <ac:chgData name="Thomas Nyman" userId="ac62be27-690b-42bb-ae39-d787d15a1823" providerId="ADAL" clId="{A112BAF0-C041-42F2-A41A-EC6E32F49326}" dt="2021-10-18T09:31:20.721" v="9348"/>
          <ac:spMkLst>
            <pc:docMk/>
            <pc:sldMk cId="1093299127" sldId="486"/>
            <ac:spMk id="41" creationId="{03A25D6C-DE86-4E60-BB61-F2E14FD4B4F9}"/>
          </ac:spMkLst>
        </pc:spChg>
        <pc:spChg chg="mod">
          <ac:chgData name="Thomas Nyman" userId="ac62be27-690b-42bb-ae39-d787d15a1823" providerId="ADAL" clId="{A112BAF0-C041-42F2-A41A-EC6E32F49326}" dt="2021-10-18T09:31:20.722" v="9349" actId="790"/>
          <ac:spMkLst>
            <pc:docMk/>
            <pc:sldMk cId="1093299127" sldId="486"/>
            <ac:spMk id="42" creationId="{D317E64A-91E6-4434-8062-C3D35D24D213}"/>
          </ac:spMkLst>
        </pc:spChg>
      </pc:sldChg>
      <pc:sldChg chg="add del">
        <pc:chgData name="Thomas Nyman" userId="ac62be27-690b-42bb-ae39-d787d15a1823" providerId="ADAL" clId="{A112BAF0-C041-42F2-A41A-EC6E32F49326}" dt="2021-10-05T10:24:40.403" v="772"/>
        <pc:sldMkLst>
          <pc:docMk/>
          <pc:sldMk cId="1098546304" sldId="486"/>
        </pc:sldMkLst>
      </pc:sldChg>
      <pc:sldChg chg="modSp mod">
        <pc:chgData name="Thomas Nyman" userId="ac62be27-690b-42bb-ae39-d787d15a1823" providerId="ADAL" clId="{A112BAF0-C041-42F2-A41A-EC6E32F49326}" dt="2021-10-18T09:31:20.700" v="9311" actId="790"/>
        <pc:sldMkLst>
          <pc:docMk/>
          <pc:sldMk cId="276980968" sldId="487"/>
        </pc:sldMkLst>
        <pc:spChg chg="mod">
          <ac:chgData name="Thomas Nyman" userId="ac62be27-690b-42bb-ae39-d787d15a1823" providerId="ADAL" clId="{A112BAF0-C041-42F2-A41A-EC6E32F49326}" dt="2021-10-18T09:31:20.690" v="9299" actId="790"/>
          <ac:spMkLst>
            <pc:docMk/>
            <pc:sldMk cId="276980968" sldId="487"/>
            <ac:spMk id="2" creationId="{AB77B8F4-4DA4-4B3F-94FB-3703E1118225}"/>
          </ac:spMkLst>
        </pc:spChg>
        <pc:spChg chg="mod">
          <ac:chgData name="Thomas Nyman" userId="ac62be27-690b-42bb-ae39-d787d15a1823" providerId="ADAL" clId="{A112BAF0-C041-42F2-A41A-EC6E32F49326}" dt="2021-10-18T09:31:20.697" v="9307"/>
          <ac:spMkLst>
            <pc:docMk/>
            <pc:sldMk cId="276980968" sldId="487"/>
            <ac:spMk id="3" creationId="{6D0402A5-6930-4084-A337-7AB11902FC40}"/>
          </ac:spMkLst>
        </pc:spChg>
        <pc:spChg chg="mod">
          <ac:chgData name="Thomas Nyman" userId="ac62be27-690b-42bb-ae39-d787d15a1823" providerId="ADAL" clId="{A112BAF0-C041-42F2-A41A-EC6E32F49326}" dt="2021-10-18T09:31:20.698" v="9309" actId="790"/>
          <ac:spMkLst>
            <pc:docMk/>
            <pc:sldMk cId="276980968" sldId="487"/>
            <ac:spMk id="6" creationId="{192E595F-93FD-4FD1-A68B-BD40A45C8928}"/>
          </ac:spMkLst>
        </pc:spChg>
        <pc:spChg chg="mod">
          <ac:chgData name="Thomas Nyman" userId="ac62be27-690b-42bb-ae39-d787d15a1823" providerId="ADAL" clId="{A112BAF0-C041-42F2-A41A-EC6E32F49326}" dt="2021-10-18T09:31:20.689" v="9297"/>
          <ac:spMkLst>
            <pc:docMk/>
            <pc:sldMk cId="276980968" sldId="487"/>
            <ac:spMk id="8" creationId="{FD5F01C6-032B-4444-ADA8-356791C6E3CC}"/>
          </ac:spMkLst>
        </pc:spChg>
        <pc:spChg chg="mod">
          <ac:chgData name="Thomas Nyman" userId="ac62be27-690b-42bb-ae39-d787d15a1823" providerId="ADAL" clId="{A112BAF0-C041-42F2-A41A-EC6E32F49326}" dt="2021-10-18T09:31:20.690" v="9300"/>
          <ac:spMkLst>
            <pc:docMk/>
            <pc:sldMk cId="276980968" sldId="487"/>
            <ac:spMk id="11" creationId="{A919DE69-9424-4956-BBDA-1582BEA45DEC}"/>
          </ac:spMkLst>
        </pc:spChg>
        <pc:spChg chg="mod">
          <ac:chgData name="Thomas Nyman" userId="ac62be27-690b-42bb-ae39-d787d15a1823" providerId="ADAL" clId="{A112BAF0-C041-42F2-A41A-EC6E32F49326}" dt="2021-10-18T09:31:20.689" v="9298"/>
          <ac:spMkLst>
            <pc:docMk/>
            <pc:sldMk cId="276980968" sldId="487"/>
            <ac:spMk id="12" creationId="{E8CFC069-8D85-4824-9978-BC41CF5A55FF}"/>
          </ac:spMkLst>
        </pc:spChg>
        <pc:spChg chg="mod">
          <ac:chgData name="Thomas Nyman" userId="ac62be27-690b-42bb-ae39-d787d15a1823" providerId="ADAL" clId="{A112BAF0-C041-42F2-A41A-EC6E32F49326}" dt="2021-10-18T09:31:20.691" v="9301" actId="790"/>
          <ac:spMkLst>
            <pc:docMk/>
            <pc:sldMk cId="276980968" sldId="487"/>
            <ac:spMk id="13" creationId="{F5C4EC0F-88A1-4417-8103-63B2EBB1A1E4}"/>
          </ac:spMkLst>
        </pc:spChg>
        <pc:spChg chg="mod">
          <ac:chgData name="Thomas Nyman" userId="ac62be27-690b-42bb-ae39-d787d15a1823" providerId="ADAL" clId="{A112BAF0-C041-42F2-A41A-EC6E32F49326}" dt="2021-10-18T09:31:20.692" v="9302"/>
          <ac:spMkLst>
            <pc:docMk/>
            <pc:sldMk cId="276980968" sldId="487"/>
            <ac:spMk id="14" creationId="{07714B90-E557-46CC-A6A5-39A2E87674AD}"/>
          </ac:spMkLst>
        </pc:spChg>
        <pc:spChg chg="mod">
          <ac:chgData name="Thomas Nyman" userId="ac62be27-690b-42bb-ae39-d787d15a1823" providerId="ADAL" clId="{A112BAF0-C041-42F2-A41A-EC6E32F49326}" dt="2021-10-18T09:31:20.693" v="9303"/>
          <ac:spMkLst>
            <pc:docMk/>
            <pc:sldMk cId="276980968" sldId="487"/>
            <ac:spMk id="15" creationId="{F4EF217F-D926-47F8-BD00-4DA8EE59B3B6}"/>
          </ac:spMkLst>
        </pc:spChg>
        <pc:spChg chg="mod">
          <ac:chgData name="Thomas Nyman" userId="ac62be27-690b-42bb-ae39-d787d15a1823" providerId="ADAL" clId="{A112BAF0-C041-42F2-A41A-EC6E32F49326}" dt="2021-10-18T09:31:20.694" v="9304"/>
          <ac:spMkLst>
            <pc:docMk/>
            <pc:sldMk cId="276980968" sldId="487"/>
            <ac:spMk id="16" creationId="{D3DE39E8-738C-4866-B986-61CE36B6C287}"/>
          </ac:spMkLst>
        </pc:spChg>
        <pc:spChg chg="mod">
          <ac:chgData name="Thomas Nyman" userId="ac62be27-690b-42bb-ae39-d787d15a1823" providerId="ADAL" clId="{A112BAF0-C041-42F2-A41A-EC6E32F49326}" dt="2021-10-18T09:31:20.695" v="9305" actId="790"/>
          <ac:spMkLst>
            <pc:docMk/>
            <pc:sldMk cId="276980968" sldId="487"/>
            <ac:spMk id="26" creationId="{6F09682A-04DB-4308-9342-B4DC69EAF5B4}"/>
          </ac:spMkLst>
        </pc:spChg>
        <pc:spChg chg="mod">
          <ac:chgData name="Thomas Nyman" userId="ac62be27-690b-42bb-ae39-d787d15a1823" providerId="ADAL" clId="{A112BAF0-C041-42F2-A41A-EC6E32F49326}" dt="2021-10-18T09:31:20.700" v="9311" actId="790"/>
          <ac:spMkLst>
            <pc:docMk/>
            <pc:sldMk cId="276980968" sldId="487"/>
            <ac:spMk id="31" creationId="{DBCEEDC6-5F87-4AC5-AFCC-94D7CF5E7667}"/>
          </ac:spMkLst>
        </pc:spChg>
        <pc:spChg chg="mod">
          <ac:chgData name="Thomas Nyman" userId="ac62be27-690b-42bb-ae39-d787d15a1823" providerId="ADAL" clId="{A112BAF0-C041-42F2-A41A-EC6E32F49326}" dt="2021-10-18T09:31:20.696" v="9306" actId="790"/>
          <ac:spMkLst>
            <pc:docMk/>
            <pc:sldMk cId="276980968" sldId="487"/>
            <ac:spMk id="32" creationId="{EC7ADF0D-10E4-464A-A6A0-6320792DE604}"/>
          </ac:spMkLst>
        </pc:spChg>
        <pc:spChg chg="mod">
          <ac:chgData name="Thomas Nyman" userId="ac62be27-690b-42bb-ae39-d787d15a1823" providerId="ADAL" clId="{A112BAF0-C041-42F2-A41A-EC6E32F49326}" dt="2021-10-18T09:31:20.697" v="9308"/>
          <ac:spMkLst>
            <pc:docMk/>
            <pc:sldMk cId="276980968" sldId="487"/>
            <ac:spMk id="40" creationId="{F4035454-FA35-498B-85E7-EF66D6CF2CEC}"/>
          </ac:spMkLst>
        </pc:spChg>
        <pc:spChg chg="mod">
          <ac:chgData name="Thomas Nyman" userId="ac62be27-690b-42bb-ae39-d787d15a1823" providerId="ADAL" clId="{A112BAF0-C041-42F2-A41A-EC6E32F49326}" dt="2021-10-18T09:31:20.698" v="9310" actId="790"/>
          <ac:spMkLst>
            <pc:docMk/>
            <pc:sldMk cId="276980968" sldId="487"/>
            <ac:spMk id="42" creationId="{D317E64A-91E6-4434-8062-C3D35D24D213}"/>
          </ac:spMkLst>
        </pc:spChg>
      </pc:sldChg>
      <pc:sldChg chg="modSp mod">
        <pc:chgData name="Thomas Nyman" userId="ac62be27-690b-42bb-ae39-d787d15a1823" providerId="ADAL" clId="{A112BAF0-C041-42F2-A41A-EC6E32F49326}" dt="2021-10-18T09:31:20.734" v="9359" actId="790"/>
        <pc:sldMkLst>
          <pc:docMk/>
          <pc:sldMk cId="3471251357" sldId="488"/>
        </pc:sldMkLst>
        <pc:spChg chg="mod">
          <ac:chgData name="Thomas Nyman" userId="ac62be27-690b-42bb-ae39-d787d15a1823" providerId="ADAL" clId="{A112BAF0-C041-42F2-A41A-EC6E32F49326}" dt="2021-10-18T09:31:20.729" v="9353" actId="790"/>
          <ac:spMkLst>
            <pc:docMk/>
            <pc:sldMk cId="3471251357" sldId="488"/>
            <ac:spMk id="2" creationId="{21A6E135-DB66-4068-AF41-84EAA0059824}"/>
          </ac:spMkLst>
        </pc:spChg>
        <pc:spChg chg="mod">
          <ac:chgData name="Thomas Nyman" userId="ac62be27-690b-42bb-ae39-d787d15a1823" providerId="ADAL" clId="{A112BAF0-C041-42F2-A41A-EC6E32F49326}" dt="2021-10-18T09:31:20.730" v="9354" actId="790"/>
          <ac:spMkLst>
            <pc:docMk/>
            <pc:sldMk cId="3471251357" sldId="488"/>
            <ac:spMk id="7" creationId="{17CA488F-4C72-4749-ACC6-5588BB426CAC}"/>
          </ac:spMkLst>
        </pc:spChg>
        <pc:spChg chg="mod">
          <ac:chgData name="Thomas Nyman" userId="ac62be27-690b-42bb-ae39-d787d15a1823" providerId="ADAL" clId="{A112BAF0-C041-42F2-A41A-EC6E32F49326}" dt="2021-10-18T09:31:20.731" v="9355" actId="790"/>
          <ac:spMkLst>
            <pc:docMk/>
            <pc:sldMk cId="3471251357" sldId="488"/>
            <ac:spMk id="8" creationId="{6507A559-E024-4C95-8D77-A50798BDB48A}"/>
          </ac:spMkLst>
        </pc:spChg>
        <pc:spChg chg="mod">
          <ac:chgData name="Thomas Nyman" userId="ac62be27-690b-42bb-ae39-d787d15a1823" providerId="ADAL" clId="{A112BAF0-C041-42F2-A41A-EC6E32F49326}" dt="2021-10-18T09:31:20.731" v="9356" actId="790"/>
          <ac:spMkLst>
            <pc:docMk/>
            <pc:sldMk cId="3471251357" sldId="488"/>
            <ac:spMk id="9" creationId="{B66CD070-08BE-40B5-A3EB-EDFA44BF18DC}"/>
          </ac:spMkLst>
        </pc:spChg>
        <pc:spChg chg="mod">
          <ac:chgData name="Thomas Nyman" userId="ac62be27-690b-42bb-ae39-d787d15a1823" providerId="ADAL" clId="{A112BAF0-C041-42F2-A41A-EC6E32F49326}" dt="2021-10-18T09:31:20.732" v="9357" actId="790"/>
          <ac:spMkLst>
            <pc:docMk/>
            <pc:sldMk cId="3471251357" sldId="488"/>
            <ac:spMk id="12" creationId="{418C308A-F1DF-4769-8B60-9454B35CC47C}"/>
          </ac:spMkLst>
        </pc:spChg>
        <pc:spChg chg="mod">
          <ac:chgData name="Thomas Nyman" userId="ac62be27-690b-42bb-ae39-d787d15a1823" providerId="ADAL" clId="{A112BAF0-C041-42F2-A41A-EC6E32F49326}" dt="2021-10-18T09:31:20.733" v="9358" actId="790"/>
          <ac:spMkLst>
            <pc:docMk/>
            <pc:sldMk cId="3471251357" sldId="488"/>
            <ac:spMk id="15" creationId="{07A7D3D3-D9CE-4129-905E-B098D4DEEAE6}"/>
          </ac:spMkLst>
        </pc:spChg>
        <pc:spChg chg="mod">
          <ac:chgData name="Thomas Nyman" userId="ac62be27-690b-42bb-ae39-d787d15a1823" providerId="ADAL" clId="{A112BAF0-C041-42F2-A41A-EC6E32F49326}" dt="2021-10-18T09:31:20.734" v="9359" actId="790"/>
          <ac:spMkLst>
            <pc:docMk/>
            <pc:sldMk cId="3471251357" sldId="488"/>
            <ac:spMk id="18" creationId="{FCF526CC-1334-49F5-9DCE-CECCBC1A8F22}"/>
          </ac:spMkLst>
        </pc:spChg>
      </pc:sldChg>
      <pc:sldChg chg="new del">
        <pc:chgData name="Thomas Nyman" userId="ac62be27-690b-42bb-ae39-d787d15a1823" providerId="ADAL" clId="{A112BAF0-C041-42F2-A41A-EC6E32F49326}" dt="2021-10-08T12:32:31.671" v="1855" actId="680"/>
        <pc:sldMkLst>
          <pc:docMk/>
          <pc:sldMk cId="2249734365" sldId="489"/>
        </pc:sldMkLst>
      </pc:sldChg>
      <pc:sldChg chg="addSp delSp modSp add mod ord modAnim">
        <pc:chgData name="Thomas Nyman" userId="ac62be27-690b-42bb-ae39-d787d15a1823" providerId="ADAL" clId="{A112BAF0-C041-42F2-A41A-EC6E32F49326}" dt="2021-10-18T09:31:20.550" v="9113"/>
        <pc:sldMkLst>
          <pc:docMk/>
          <pc:sldMk cId="3059857834" sldId="489"/>
        </pc:sldMkLst>
        <pc:spChg chg="mod">
          <ac:chgData name="Thomas Nyman" userId="ac62be27-690b-42bb-ae39-d787d15a1823" providerId="ADAL" clId="{A112BAF0-C041-42F2-A41A-EC6E32F49326}" dt="2021-10-18T09:31:20.544" v="9107" actId="790"/>
          <ac:spMkLst>
            <pc:docMk/>
            <pc:sldMk cId="3059857834" sldId="489"/>
            <ac:spMk id="2" creationId="{F6874C52-C64D-4484-AC7B-A1D04547743F}"/>
          </ac:spMkLst>
        </pc:spChg>
        <pc:spChg chg="add mod">
          <ac:chgData name="Thomas Nyman" userId="ac62be27-690b-42bb-ae39-d787d15a1823" providerId="ADAL" clId="{A112BAF0-C041-42F2-A41A-EC6E32F49326}" dt="2021-10-08T15:37:42.697" v="3151" actId="20577"/>
          <ac:spMkLst>
            <pc:docMk/>
            <pc:sldMk cId="3059857834" sldId="489"/>
            <ac:spMk id="3" creationId="{F855A4C3-A7C9-47FE-8BC9-EE4D0147536A}"/>
          </ac:spMkLst>
        </pc:spChg>
        <pc:spChg chg="add del mod">
          <ac:chgData name="Thomas Nyman" userId="ac62be27-690b-42bb-ae39-d787d15a1823" providerId="ADAL" clId="{A112BAF0-C041-42F2-A41A-EC6E32F49326}" dt="2021-10-08T14:35:33.555" v="2353" actId="478"/>
          <ac:spMkLst>
            <pc:docMk/>
            <pc:sldMk cId="3059857834" sldId="489"/>
            <ac:spMk id="4" creationId="{9511EB72-48C1-48D1-8952-95A32C59F989}"/>
          </ac:spMkLst>
        </pc:spChg>
        <pc:spChg chg="add del mod">
          <ac:chgData name="Thomas Nyman" userId="ac62be27-690b-42bb-ae39-d787d15a1823" providerId="ADAL" clId="{A112BAF0-C041-42F2-A41A-EC6E32F49326}" dt="2021-10-08T14:34:12.755" v="2322" actId="478"/>
          <ac:spMkLst>
            <pc:docMk/>
            <pc:sldMk cId="3059857834" sldId="489"/>
            <ac:spMk id="10" creationId="{306C6A8B-D897-4F2B-9C21-2641AC5C2175}"/>
          </ac:spMkLst>
        </pc:spChg>
        <pc:spChg chg="mod">
          <ac:chgData name="Thomas Nyman" userId="ac62be27-690b-42bb-ae39-d787d15a1823" providerId="ADAL" clId="{A112BAF0-C041-42F2-A41A-EC6E32F49326}" dt="2021-10-18T09:31:20.547" v="9111" actId="790"/>
          <ac:spMkLst>
            <pc:docMk/>
            <pc:sldMk cId="3059857834" sldId="489"/>
            <ac:spMk id="15" creationId="{8D458109-C9C4-4DA5-A226-D28EE1B396F7}"/>
          </ac:spMkLst>
        </pc:spChg>
        <pc:spChg chg="mod">
          <ac:chgData name="Thomas Nyman" userId="ac62be27-690b-42bb-ae39-d787d15a1823" providerId="ADAL" clId="{A112BAF0-C041-42F2-A41A-EC6E32F49326}" dt="2021-10-18T09:31:20.547" v="9112" actId="790"/>
          <ac:spMkLst>
            <pc:docMk/>
            <pc:sldMk cId="3059857834" sldId="489"/>
            <ac:spMk id="20" creationId="{ACDB0512-209B-4C28-922E-A341E9629EF4}"/>
          </ac:spMkLst>
        </pc:spChg>
        <pc:spChg chg="mod">
          <ac:chgData name="Thomas Nyman" userId="ac62be27-690b-42bb-ae39-d787d15a1823" providerId="ADAL" clId="{A112BAF0-C041-42F2-A41A-EC6E32F49326}" dt="2021-10-18T09:31:20.545" v="9108" actId="790"/>
          <ac:spMkLst>
            <pc:docMk/>
            <pc:sldMk cId="3059857834" sldId="489"/>
            <ac:spMk id="22" creationId="{B71FB6CF-2F31-47C2-8C81-641230E6ECE0}"/>
          </ac:spMkLst>
        </pc:spChg>
        <pc:spChg chg="mod">
          <ac:chgData name="Thomas Nyman" userId="ac62be27-690b-42bb-ae39-d787d15a1823" providerId="ADAL" clId="{A112BAF0-C041-42F2-A41A-EC6E32F49326}" dt="2021-10-18T09:31:20.545" v="9109" actId="790"/>
          <ac:spMkLst>
            <pc:docMk/>
            <pc:sldMk cId="3059857834" sldId="489"/>
            <ac:spMk id="23" creationId="{F8421694-2489-4B06-B52E-B2668589F03A}"/>
          </ac:spMkLst>
        </pc:spChg>
        <pc:spChg chg="mod">
          <ac:chgData name="Thomas Nyman" userId="ac62be27-690b-42bb-ae39-d787d15a1823" providerId="ADAL" clId="{A112BAF0-C041-42F2-A41A-EC6E32F49326}" dt="2021-10-18T09:31:20.546" v="9110" actId="790"/>
          <ac:spMkLst>
            <pc:docMk/>
            <pc:sldMk cId="3059857834" sldId="489"/>
            <ac:spMk id="39" creationId="{7AAC3999-FF0E-4B5D-9DA1-8EE5860D93CC}"/>
          </ac:spMkLst>
        </pc:spChg>
        <pc:spChg chg="mod">
          <ac:chgData name="Thomas Nyman" userId="ac62be27-690b-42bb-ae39-d787d15a1823" providerId="ADAL" clId="{A112BAF0-C041-42F2-A41A-EC6E32F49326}" dt="2021-10-18T09:31:20.550" v="9113"/>
          <ac:spMkLst>
            <pc:docMk/>
            <pc:sldMk cId="3059857834" sldId="489"/>
            <ac:spMk id="91" creationId="{82C5D878-B228-44D1-BF3C-ECAFECFB5CA5}"/>
          </ac:spMkLst>
        </pc:spChg>
        <pc:spChg chg="add mod">
          <ac:chgData name="Thomas Nyman" userId="ac62be27-690b-42bb-ae39-d787d15a1823" providerId="ADAL" clId="{A112BAF0-C041-42F2-A41A-EC6E32F49326}" dt="2021-10-08T15:02:28.663" v="2374" actId="164"/>
          <ac:spMkLst>
            <pc:docMk/>
            <pc:sldMk cId="3059857834" sldId="489"/>
            <ac:spMk id="94" creationId="{085E087D-1CED-4BF6-83B6-64C280A0AE83}"/>
          </ac:spMkLst>
        </pc:spChg>
        <pc:spChg chg="mod">
          <ac:chgData name="Thomas Nyman" userId="ac62be27-690b-42bb-ae39-d787d15a1823" providerId="ADAL" clId="{A112BAF0-C041-42F2-A41A-EC6E32F49326}" dt="2021-10-08T15:01:32.984" v="2366" actId="164"/>
          <ac:spMkLst>
            <pc:docMk/>
            <pc:sldMk cId="3059857834" sldId="489"/>
            <ac:spMk id="95" creationId="{1FFE5140-E9A8-4B22-9CA4-78AE860AA546}"/>
          </ac:spMkLst>
        </pc:spChg>
        <pc:spChg chg="mod">
          <ac:chgData name="Thomas Nyman" userId="ac62be27-690b-42bb-ae39-d787d15a1823" providerId="ADAL" clId="{A112BAF0-C041-42F2-A41A-EC6E32F49326}" dt="2021-10-08T15:01:32.984" v="2366" actId="164"/>
          <ac:spMkLst>
            <pc:docMk/>
            <pc:sldMk cId="3059857834" sldId="489"/>
            <ac:spMk id="96" creationId="{B487740A-192F-40C4-B0F3-945D0CB7A3BB}"/>
          </ac:spMkLst>
        </pc:spChg>
        <pc:spChg chg="add del">
          <ac:chgData name="Thomas Nyman" userId="ac62be27-690b-42bb-ae39-d787d15a1823" providerId="ADAL" clId="{A112BAF0-C041-42F2-A41A-EC6E32F49326}" dt="2021-10-08T14:33:42.421" v="2316" actId="478"/>
          <ac:spMkLst>
            <pc:docMk/>
            <pc:sldMk cId="3059857834" sldId="489"/>
            <ac:spMk id="98" creationId="{E76713CB-822D-4F46-AB58-CCCD5662C29B}"/>
          </ac:spMkLst>
        </pc:spChg>
        <pc:spChg chg="add del">
          <ac:chgData name="Thomas Nyman" userId="ac62be27-690b-42bb-ae39-d787d15a1823" providerId="ADAL" clId="{A112BAF0-C041-42F2-A41A-EC6E32F49326}" dt="2021-10-08T14:33:50.424" v="2318" actId="11529"/>
          <ac:spMkLst>
            <pc:docMk/>
            <pc:sldMk cId="3059857834" sldId="489"/>
            <ac:spMk id="99" creationId="{121CDAB1-6344-42CB-93BE-D331A05E4B05}"/>
          </ac:spMkLst>
        </pc:spChg>
        <pc:spChg chg="add del">
          <ac:chgData name="Thomas Nyman" userId="ac62be27-690b-42bb-ae39-d787d15a1823" providerId="ADAL" clId="{A112BAF0-C041-42F2-A41A-EC6E32F49326}" dt="2021-10-08T14:34:02.366" v="2320" actId="478"/>
          <ac:spMkLst>
            <pc:docMk/>
            <pc:sldMk cId="3059857834" sldId="489"/>
            <ac:spMk id="100" creationId="{7F21475A-D4A2-4349-943A-78A7959EF2F0}"/>
          </ac:spMkLst>
        </pc:spChg>
        <pc:grpChg chg="add mod">
          <ac:chgData name="Thomas Nyman" userId="ac62be27-690b-42bb-ae39-d787d15a1823" providerId="ADAL" clId="{A112BAF0-C041-42F2-A41A-EC6E32F49326}" dt="2021-10-08T15:01:32.984" v="2366" actId="164"/>
          <ac:grpSpMkLst>
            <pc:docMk/>
            <pc:sldMk cId="3059857834" sldId="489"/>
            <ac:grpSpMk id="113" creationId="{6443E370-7A0C-4463-9D5A-ADA287F72347}"/>
          </ac:grpSpMkLst>
        </pc:grpChg>
        <pc:grpChg chg="add mod">
          <ac:chgData name="Thomas Nyman" userId="ac62be27-690b-42bb-ae39-d787d15a1823" providerId="ADAL" clId="{A112BAF0-C041-42F2-A41A-EC6E32F49326}" dt="2021-10-08T15:02:28.663" v="2374" actId="164"/>
          <ac:grpSpMkLst>
            <pc:docMk/>
            <pc:sldMk cId="3059857834" sldId="489"/>
            <ac:grpSpMk id="119" creationId="{7C9056A6-8C58-40C9-AB70-BDECFC9E34C6}"/>
          </ac:grpSpMkLst>
        </pc:grpChg>
        <pc:cxnChg chg="del">
          <ac:chgData name="Thomas Nyman" userId="ac62be27-690b-42bb-ae39-d787d15a1823" providerId="ADAL" clId="{A112BAF0-C041-42F2-A41A-EC6E32F49326}" dt="2021-10-08T14:33:38.162" v="2314" actId="478"/>
          <ac:cxnSpMkLst>
            <pc:docMk/>
            <pc:sldMk cId="3059857834" sldId="489"/>
            <ac:cxnSpMk id="97" creationId="{E64FCA2A-6E45-4B2D-927E-FF2FDEBA444E}"/>
          </ac:cxnSpMkLst>
        </pc:cxnChg>
        <pc:cxnChg chg="add mod">
          <ac:chgData name="Thomas Nyman" userId="ac62be27-690b-42bb-ae39-d787d15a1823" providerId="ADAL" clId="{A112BAF0-C041-42F2-A41A-EC6E32F49326}" dt="2021-10-08T15:02:28.663" v="2374" actId="164"/>
          <ac:cxnSpMkLst>
            <pc:docMk/>
            <pc:sldMk cId="3059857834" sldId="489"/>
            <ac:cxnSpMk id="102" creationId="{128E0555-4F06-4574-A1BD-B481BF40FD68}"/>
          </ac:cxnSpMkLst>
        </pc:cxnChg>
        <pc:cxnChg chg="add mod">
          <ac:chgData name="Thomas Nyman" userId="ac62be27-690b-42bb-ae39-d787d15a1823" providerId="ADAL" clId="{A112BAF0-C041-42F2-A41A-EC6E32F49326}" dt="2021-10-08T15:01:32.984" v="2366" actId="164"/>
          <ac:cxnSpMkLst>
            <pc:docMk/>
            <pc:sldMk cId="3059857834" sldId="489"/>
            <ac:cxnSpMk id="105" creationId="{36BCD897-F1DE-4813-B5E5-294EEC78FA18}"/>
          </ac:cxnSpMkLst>
        </pc:cxnChg>
      </pc:sldChg>
      <pc:sldChg chg="modSp add mod modShow">
        <pc:chgData name="Thomas Nyman" userId="ac62be27-690b-42bb-ae39-d787d15a1823" providerId="ADAL" clId="{A112BAF0-C041-42F2-A41A-EC6E32F49326}" dt="2021-10-08T15:36:37.154" v="3148" actId="255"/>
        <pc:sldMkLst>
          <pc:docMk/>
          <pc:sldMk cId="1817069401" sldId="490"/>
        </pc:sldMkLst>
        <pc:spChg chg="mod">
          <ac:chgData name="Thomas Nyman" userId="ac62be27-690b-42bb-ae39-d787d15a1823" providerId="ADAL" clId="{A112BAF0-C041-42F2-A41A-EC6E32F49326}" dt="2021-10-08T15:36:37.154" v="3148" actId="255"/>
          <ac:spMkLst>
            <pc:docMk/>
            <pc:sldMk cId="1817069401" sldId="490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08T15:35:40.820" v="3132" actId="1076"/>
          <ac:spMkLst>
            <pc:docMk/>
            <pc:sldMk cId="1817069401" sldId="490"/>
            <ac:spMk id="10" creationId="{41CDB770-D719-40A3-82BD-F2787BAF8C40}"/>
          </ac:spMkLst>
        </pc:spChg>
      </pc:sldChg>
      <pc:sldChg chg="addSp delSp modSp new mod ord modAnim modNotesTx">
        <pc:chgData name="Thomas Nyman" userId="ac62be27-690b-42bb-ae39-d787d15a1823" providerId="ADAL" clId="{A112BAF0-C041-42F2-A41A-EC6E32F49326}" dt="2021-10-18T09:31:20.583" v="9142" actId="790"/>
        <pc:sldMkLst>
          <pc:docMk/>
          <pc:sldMk cId="2955265277" sldId="491"/>
        </pc:sldMkLst>
        <pc:spChg chg="mod">
          <ac:chgData name="Thomas Nyman" userId="ac62be27-690b-42bb-ae39-d787d15a1823" providerId="ADAL" clId="{A112BAF0-C041-42F2-A41A-EC6E32F49326}" dt="2021-10-18T09:31:20.577" v="9136" actId="790"/>
          <ac:spMkLst>
            <pc:docMk/>
            <pc:sldMk cId="2955265277" sldId="491"/>
            <ac:spMk id="2" creationId="{85EA7E86-52F8-4EAC-BE99-AB810CA78316}"/>
          </ac:spMkLst>
        </pc:spChg>
        <pc:spChg chg="mod">
          <ac:chgData name="Thomas Nyman" userId="ac62be27-690b-42bb-ae39-d787d15a1823" providerId="ADAL" clId="{A112BAF0-C041-42F2-A41A-EC6E32F49326}" dt="2021-10-18T09:31:20.578" v="9137"/>
          <ac:spMkLst>
            <pc:docMk/>
            <pc:sldMk cId="2955265277" sldId="491"/>
            <ac:spMk id="3" creationId="{6A4D7C1A-0E45-426C-B1E1-2D3DC073734A}"/>
          </ac:spMkLst>
        </pc:spChg>
        <pc:spChg chg="add mod">
          <ac:chgData name="Thomas Nyman" userId="ac62be27-690b-42bb-ae39-d787d15a1823" providerId="ADAL" clId="{A112BAF0-C041-42F2-A41A-EC6E32F49326}" dt="2021-10-18T09:31:20.580" v="9138"/>
          <ac:spMkLst>
            <pc:docMk/>
            <pc:sldMk cId="2955265277" sldId="491"/>
            <ac:spMk id="4" creationId="{3A7F87ED-5C40-4C9E-A6C7-B3531DB20616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6" creationId="{7888422F-1513-44B6-9330-AE9E98EB3A01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7" creationId="{1B982B07-6315-4488-9FA2-EB1329A87169}"/>
          </ac:spMkLst>
        </pc:spChg>
        <pc:spChg chg="add del">
          <ac:chgData name="Thomas Nyman" userId="ac62be27-690b-42bb-ae39-d787d15a1823" providerId="ADAL" clId="{A112BAF0-C041-42F2-A41A-EC6E32F49326}" dt="2021-10-08T15:46:02.005" v="3285" actId="478"/>
          <ac:spMkLst>
            <pc:docMk/>
            <pc:sldMk cId="2955265277" sldId="491"/>
            <ac:spMk id="8" creationId="{A3E21C1E-0B45-4714-8BF3-0B87F5686377}"/>
          </ac:spMkLst>
        </pc:spChg>
        <pc:spChg chg="add del mod">
          <ac:chgData name="Thomas Nyman" userId="ac62be27-690b-42bb-ae39-d787d15a1823" providerId="ADAL" clId="{A112BAF0-C041-42F2-A41A-EC6E32F49326}" dt="2021-10-08T15:55:26.219" v="3479" actId="478"/>
          <ac:spMkLst>
            <pc:docMk/>
            <pc:sldMk cId="2955265277" sldId="491"/>
            <ac:spMk id="9" creationId="{205C08DB-C464-4CD0-8DF1-199C9BF44A40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0" creationId="{9A3F17B4-BBDD-4271-B48A-AAE16F530B8A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1" creationId="{DA69B2E6-443C-4862-AF94-249712A5DDD5}"/>
          </ac:spMkLst>
        </pc:spChg>
        <pc:spChg chg="add del mod">
          <ac:chgData name="Thomas Nyman" userId="ac62be27-690b-42bb-ae39-d787d15a1823" providerId="ADAL" clId="{A112BAF0-C041-42F2-A41A-EC6E32F49326}" dt="2021-10-08T16:17:16.403" v="3838" actId="478"/>
          <ac:spMkLst>
            <pc:docMk/>
            <pc:sldMk cId="2955265277" sldId="491"/>
            <ac:spMk id="12" creationId="{27C4A400-D507-4C19-B23A-D7690DFA3F21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3" creationId="{E792AF21-9F47-4505-B701-E05220915F74}"/>
          </ac:spMkLst>
        </pc:spChg>
        <pc:spChg chg="add mod">
          <ac:chgData name="Thomas Nyman" userId="ac62be27-690b-42bb-ae39-d787d15a1823" providerId="ADAL" clId="{A112BAF0-C041-42F2-A41A-EC6E32F49326}" dt="2021-10-08T16:17:22.851" v="3839" actId="1038"/>
          <ac:spMkLst>
            <pc:docMk/>
            <pc:sldMk cId="2955265277" sldId="491"/>
            <ac:spMk id="14" creationId="{BB76C373-A3B0-4A60-A415-9686A040F79C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5" creationId="{4BDF609F-F6E9-4F4A-B55D-B448FEB9BB82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6" creationId="{E947AEF5-E633-4AFE-B676-08071D9FEA42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7" creationId="{5BF984B9-C3D6-4170-A7A5-A37FF7B95568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8" creationId="{FCE83F45-9946-4950-8F43-4241E8DDB5EF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9" creationId="{F92589B4-3F96-4D2C-AF0F-D8CD1ACDA17F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0" creationId="{021E63AB-CA73-43F6-A192-0EE983AD1234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1" creationId="{B3EF1A09-0D28-443D-9834-373D04B58DD4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2" creationId="{EFBFDB01-B987-44F8-9B4D-6DDB500C8BBE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3" creationId="{ADEAE52C-0ADF-4028-B75A-093BB3A719DC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4" creationId="{CC22DFB7-B26D-411F-93DC-A152C7A5A5A0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5" creationId="{B053B9EE-DA4D-4661-834D-0C85992EC4CE}"/>
          </ac:spMkLst>
        </pc:spChg>
        <pc:spChg chg="add del">
          <ac:chgData name="Thomas Nyman" userId="ac62be27-690b-42bb-ae39-d787d15a1823" providerId="ADAL" clId="{A112BAF0-C041-42F2-A41A-EC6E32F49326}" dt="2021-10-08T16:11:11.683" v="3772" actId="478"/>
          <ac:spMkLst>
            <pc:docMk/>
            <pc:sldMk cId="2955265277" sldId="491"/>
            <ac:spMk id="26" creationId="{E97C1B32-A5D9-41AB-B804-127908D5F306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0" creationId="{623E908C-70CC-4A48-8A03-DC7D1EC58A14}"/>
          </ac:spMkLst>
        </pc:spChg>
        <pc:spChg chg="add del">
          <ac:chgData name="Thomas Nyman" userId="ac62be27-690b-42bb-ae39-d787d15a1823" providerId="ADAL" clId="{A112BAF0-C041-42F2-A41A-EC6E32F49326}" dt="2021-10-08T16:19:14.246" v="3847" actId="478"/>
          <ac:spMkLst>
            <pc:docMk/>
            <pc:sldMk cId="2955265277" sldId="491"/>
            <ac:spMk id="31" creationId="{DF478F65-B57D-4CD8-86B1-1869BB4E5BB6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2" creationId="{B0EDCE56-FA9E-4CDF-8DAD-27E36104A183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3" creationId="{11B6C02F-FAD3-4273-9368-554E345F1530}"/>
          </ac:spMkLst>
        </pc:spChg>
        <pc:spChg chg="add del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4" creationId="{BEAC2FE4-02BA-407D-88D0-E47F55067C3E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5" creationId="{569545F2-ED81-45DD-A68D-2786ACB10245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6" creationId="{A7377666-E0A5-4089-9160-406375B3086F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39" creationId="{7897DE13-FF07-412F-B47B-2AB2841459D7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0" creationId="{9E5908CD-E298-4B36-8BF4-76C97222D6D4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1" creationId="{3BFE4F5A-6F2E-4BC6-B2B7-7208396780E7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2" creationId="{10BD54FB-9BA5-4835-BA05-81CFAE720C04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3" creationId="{A0724447-2341-4806-9B96-4F6CBE88EAEC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4" creationId="{6F248364-F70C-47BD-821A-EE666289DF2E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46" creationId="{21CD0898-34B2-4CF0-9A31-BD9DC41B86D3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47" creationId="{BA96B519-865D-488E-AB8D-6EC7350BE907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48" creationId="{64FA0980-B8B7-40D0-9456-0AF4073BC0AA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49" creationId="{858C4F8B-173A-48C4-9933-D39349524988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50" creationId="{54CBF8E4-4A99-4C41-9868-DC6FD9AAF1A4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51" creationId="{BC20DE0F-B9F1-4110-8AF2-150EED951FF9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3" creationId="{70206631-1D0C-4EBC-BCC0-4019C2260260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4" creationId="{4E19A538-D7B5-410E-BD45-70DAB3B75260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5" creationId="{9A28FE5E-7FED-4514-954A-E274C7D5D0F1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6" creationId="{78D09839-2FC9-4C81-8D89-F89E0C4A7AFD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7" creationId="{45A97E42-750B-41FD-9A35-D74FFEFF35FE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8" creationId="{48D71494-FE76-4A66-B80A-07CA9C542172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0" creationId="{3217B7D0-0C70-4A7E-B114-1CFB9C8E6083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1" creationId="{4A2F06F6-76F6-49E7-8986-EBBF8DE58FDE}"/>
          </ac:spMkLst>
        </pc:spChg>
        <pc:spChg chg="mod">
          <ac:chgData name="Thomas Nyman" userId="ac62be27-690b-42bb-ae39-d787d15a1823" providerId="ADAL" clId="{A112BAF0-C041-42F2-A41A-EC6E32F49326}" dt="2021-10-08T16:30:17.501" v="4103" actId="14100"/>
          <ac:spMkLst>
            <pc:docMk/>
            <pc:sldMk cId="2955265277" sldId="491"/>
            <ac:spMk id="62" creationId="{EC9C812B-21D6-41D8-AEA0-CDB7B9BB69FA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3" creationId="{E7C1DD31-93A9-48A7-A586-8E4D2E2BDEBE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4" creationId="{D2C73673-4475-4CEE-9321-B081127C6863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5" creationId="{91AD56A7-2523-4675-97F0-FDAAE1245941}"/>
          </ac:spMkLst>
        </pc:spChg>
        <pc:spChg chg="add mod">
          <ac:chgData name="Thomas Nyman" userId="ac62be27-690b-42bb-ae39-d787d15a1823" providerId="ADAL" clId="{A112BAF0-C041-42F2-A41A-EC6E32F49326}" dt="2021-10-18T09:31:20.581" v="9139" actId="790"/>
          <ac:spMkLst>
            <pc:docMk/>
            <pc:sldMk cId="2955265277" sldId="491"/>
            <ac:spMk id="66" creationId="{0EFB630C-50A4-4F8B-B2B8-C7D222200596}"/>
          </ac:spMkLst>
        </pc:spChg>
        <pc:spChg chg="add mod">
          <ac:chgData name="Thomas Nyman" userId="ac62be27-690b-42bb-ae39-d787d15a1823" providerId="ADAL" clId="{A112BAF0-C041-42F2-A41A-EC6E32F49326}" dt="2021-10-18T09:31:20.581" v="9140" actId="790"/>
          <ac:spMkLst>
            <pc:docMk/>
            <pc:sldMk cId="2955265277" sldId="491"/>
            <ac:spMk id="70" creationId="{9E5BB349-4139-4B28-9440-9CFC0DF36FF1}"/>
          </ac:spMkLst>
        </pc:spChg>
        <pc:spChg chg="add mod">
          <ac:chgData name="Thomas Nyman" userId="ac62be27-690b-42bb-ae39-d787d15a1823" providerId="ADAL" clId="{A112BAF0-C041-42F2-A41A-EC6E32F49326}" dt="2021-10-18T09:31:20.582" v="9141" actId="790"/>
          <ac:spMkLst>
            <pc:docMk/>
            <pc:sldMk cId="2955265277" sldId="491"/>
            <ac:spMk id="85" creationId="{C8BDD889-F4A9-494A-BA9E-2651CC5E2BED}"/>
          </ac:spMkLst>
        </pc:spChg>
        <pc:spChg chg="add mod">
          <ac:chgData name="Thomas Nyman" userId="ac62be27-690b-42bb-ae39-d787d15a1823" providerId="ADAL" clId="{A112BAF0-C041-42F2-A41A-EC6E32F49326}" dt="2021-10-18T09:31:20.583" v="9142" actId="790"/>
          <ac:spMkLst>
            <pc:docMk/>
            <pc:sldMk cId="2955265277" sldId="491"/>
            <ac:spMk id="86" creationId="{881A8DC3-4C8F-42E9-BD08-9AC9D66EFDE1}"/>
          </ac:spMkLst>
        </pc:spChg>
        <pc:spChg chg="add del">
          <ac:chgData name="Thomas Nyman" userId="ac62be27-690b-42bb-ae39-d787d15a1823" providerId="ADAL" clId="{A112BAF0-C041-42F2-A41A-EC6E32F49326}" dt="2021-10-08T16:35:19.679" v="4163"/>
          <ac:spMkLst>
            <pc:docMk/>
            <pc:sldMk cId="2955265277" sldId="491"/>
            <ac:spMk id="87" creationId="{4B30A033-0B66-45BE-AEA9-34EB1EFC99E2}"/>
          </ac:spMkLst>
        </pc:spChg>
        <pc:spChg chg="add del">
          <ac:chgData name="Thomas Nyman" userId="ac62be27-690b-42bb-ae39-d787d15a1823" providerId="ADAL" clId="{A112BAF0-C041-42F2-A41A-EC6E32F49326}" dt="2021-10-08T16:35:25.292" v="4165"/>
          <ac:spMkLst>
            <pc:docMk/>
            <pc:sldMk cId="2955265277" sldId="491"/>
            <ac:spMk id="88" creationId="{10EB72DC-FAD9-4FB1-8839-4707E2E7674C}"/>
          </ac:spMkLst>
        </pc:spChg>
        <pc:spChg chg="add mod">
          <ac:chgData name="Thomas Nyman" userId="ac62be27-690b-42bb-ae39-d787d15a1823" providerId="ADAL" clId="{A112BAF0-C041-42F2-A41A-EC6E32F49326}" dt="2021-10-08T16:41:43.924" v="4226" actId="164"/>
          <ac:spMkLst>
            <pc:docMk/>
            <pc:sldMk cId="2955265277" sldId="491"/>
            <ac:spMk id="89" creationId="{5673726D-40E0-41D3-B3BC-7CEBEC5CF17E}"/>
          </ac:spMkLst>
        </pc:spChg>
        <pc:spChg chg="add mod">
          <ac:chgData name="Thomas Nyman" userId="ac62be27-690b-42bb-ae39-d787d15a1823" providerId="ADAL" clId="{A112BAF0-C041-42F2-A41A-EC6E32F49326}" dt="2021-10-08T16:42:01.482" v="4227" actId="164"/>
          <ac:spMkLst>
            <pc:docMk/>
            <pc:sldMk cId="2955265277" sldId="491"/>
            <ac:spMk id="90" creationId="{1945F543-066F-4572-91F6-68BED9F1A184}"/>
          </ac:spMkLst>
        </pc:spChg>
        <pc:spChg chg="add mod">
          <ac:chgData name="Thomas Nyman" userId="ac62be27-690b-42bb-ae39-d787d15a1823" providerId="ADAL" clId="{A112BAF0-C041-42F2-A41A-EC6E32F49326}" dt="2021-10-08T16:42:38.585" v="4231" actId="164"/>
          <ac:spMkLst>
            <pc:docMk/>
            <pc:sldMk cId="2955265277" sldId="491"/>
            <ac:spMk id="91" creationId="{5AA73953-7F2E-4318-8FCB-E05398D5ED4E}"/>
          </ac:spMkLst>
        </pc:spChg>
        <pc:spChg chg="add mod">
          <ac:chgData name="Thomas Nyman" userId="ac62be27-690b-42bb-ae39-d787d15a1823" providerId="ADAL" clId="{A112BAF0-C041-42F2-A41A-EC6E32F49326}" dt="2021-10-08T16:42:12.891" v="4228" actId="164"/>
          <ac:spMkLst>
            <pc:docMk/>
            <pc:sldMk cId="2955265277" sldId="491"/>
            <ac:spMk id="92" creationId="{C1A1ACAD-C6AB-4949-8CD1-0742A55CB57E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19" creationId="{CCA647F2-1CD5-4B4D-8252-74160109D5C7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0" creationId="{18AE7D5E-4F19-4E9A-96AD-83A88E3E4B22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1" creationId="{CC4450F7-0592-400F-BE7F-C5C962170CDF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2" creationId="{02485670-AC36-4491-955E-A120FE7E9290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3" creationId="{3D13C466-CC98-4E5B-A7CC-0FC63246F32B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4" creationId="{925B1173-5BDC-4434-ADC3-4BF4BDA61CFD}"/>
          </ac:spMkLst>
        </pc:spChg>
        <pc:spChg chg="add del mod">
          <ac:chgData name="Thomas Nyman" userId="ac62be27-690b-42bb-ae39-d787d15a1823" providerId="ADAL" clId="{A112BAF0-C041-42F2-A41A-EC6E32F49326}" dt="2021-10-08T16:45:54.615" v="4285"/>
          <ac:spMkLst>
            <pc:docMk/>
            <pc:sldMk cId="2955265277" sldId="491"/>
            <ac:spMk id="125" creationId="{A1C97344-D5C2-4B71-A297-CAF8DFDFC62D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6" creationId="{F19C784B-EE47-41F5-BFA6-DE7C7C8E01DA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7" creationId="{08A6E935-F05C-4487-B6A5-786C6CB9F9F6}"/>
          </ac:spMkLst>
        </pc:spChg>
        <pc:spChg chg="add mo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8" creationId="{2BB6E8DD-8D43-45AC-ACC6-85DEDE7191BD}"/>
          </ac:spMkLst>
        </pc:spChg>
        <pc:spChg chg="add mod">
          <ac:chgData name="Thomas Nyman" userId="ac62be27-690b-42bb-ae39-d787d15a1823" providerId="ADAL" clId="{A112BAF0-C041-42F2-A41A-EC6E32F49326}" dt="2021-10-08T16:48:27.435" v="4318" actId="164"/>
          <ac:spMkLst>
            <pc:docMk/>
            <pc:sldMk cId="2955265277" sldId="491"/>
            <ac:spMk id="130" creationId="{FB4C61D2-2794-49E8-93AB-766A5D8B0313}"/>
          </ac:spMkLst>
        </pc:spChg>
        <pc:spChg chg="add del mod">
          <ac:chgData name="Thomas Nyman" userId="ac62be27-690b-42bb-ae39-d787d15a1823" providerId="ADAL" clId="{A112BAF0-C041-42F2-A41A-EC6E32F49326}" dt="2021-10-08T16:49:27.025" v="4324" actId="478"/>
          <ac:spMkLst>
            <pc:docMk/>
            <pc:sldMk cId="2955265277" sldId="491"/>
            <ac:spMk id="132" creationId="{A6545A4C-6B5C-4F8E-A0BC-95F056EE95D4}"/>
          </ac:spMkLst>
        </pc:spChg>
        <pc:spChg chg="add del mod">
          <ac:chgData name="Thomas Nyman" userId="ac62be27-690b-42bb-ae39-d787d15a1823" providerId="ADAL" clId="{A112BAF0-C041-42F2-A41A-EC6E32F49326}" dt="2021-10-08T16:49:29.476" v="4325" actId="478"/>
          <ac:spMkLst>
            <pc:docMk/>
            <pc:sldMk cId="2955265277" sldId="491"/>
            <ac:spMk id="133" creationId="{29EF6C91-ED63-4234-9F05-76EB1292E542}"/>
          </ac:spMkLst>
        </pc:spChg>
        <pc:spChg chg="add mod">
          <ac:chgData name="Thomas Nyman" userId="ac62be27-690b-42bb-ae39-d787d15a1823" providerId="ADAL" clId="{A112BAF0-C041-42F2-A41A-EC6E32F49326}" dt="2021-10-08T16:51:45.481" v="4345" actId="164"/>
          <ac:spMkLst>
            <pc:docMk/>
            <pc:sldMk cId="2955265277" sldId="491"/>
            <ac:spMk id="134" creationId="{FA48D8D6-B055-4748-9D88-A4130E88C4DE}"/>
          </ac:spMkLst>
        </pc:spChg>
        <pc:spChg chg="add mod">
          <ac:chgData name="Thomas Nyman" userId="ac62be27-690b-42bb-ae39-d787d15a1823" providerId="ADAL" clId="{A112BAF0-C041-42F2-A41A-EC6E32F49326}" dt="2021-10-08T16:51:45.481" v="4345" actId="164"/>
          <ac:spMkLst>
            <pc:docMk/>
            <pc:sldMk cId="2955265277" sldId="491"/>
            <ac:spMk id="135" creationId="{C051A471-E0A1-461A-A5FA-C6A031B47E2A}"/>
          </ac:spMkLst>
        </pc:spChg>
        <pc:grpChg chg="add mod">
          <ac:chgData name="Thomas Nyman" userId="ac62be27-690b-42bb-ae39-d787d15a1823" providerId="ADAL" clId="{A112BAF0-C041-42F2-A41A-EC6E32F49326}" dt="2021-10-08T16:17:14.873" v="3837" actId="1076"/>
          <ac:grpSpMkLst>
            <pc:docMk/>
            <pc:sldMk cId="2955265277" sldId="491"/>
            <ac:grpSpMk id="27" creationId="{1A1C8038-3BB4-44D0-9348-B545B78F926B}"/>
          </ac:grpSpMkLst>
        </pc:grpChg>
        <pc:grpChg chg="add mod">
          <ac:chgData name="Thomas Nyman" userId="ac62be27-690b-42bb-ae39-d787d15a1823" providerId="ADAL" clId="{A112BAF0-C041-42F2-A41A-EC6E32F49326}" dt="2021-10-08T16:28:32.916" v="3969" actId="1076"/>
          <ac:grpSpMkLst>
            <pc:docMk/>
            <pc:sldMk cId="2955265277" sldId="491"/>
            <ac:grpSpMk id="37" creationId="{FAD55E09-A16C-4D3E-B7ED-1D76ECB54C56}"/>
          </ac:grpSpMkLst>
        </pc:grpChg>
        <pc:grpChg chg="add mod">
          <ac:chgData name="Thomas Nyman" userId="ac62be27-690b-42bb-ae39-d787d15a1823" providerId="ADAL" clId="{A112BAF0-C041-42F2-A41A-EC6E32F49326}" dt="2021-10-08T16:41:43.924" v="4226" actId="164"/>
          <ac:grpSpMkLst>
            <pc:docMk/>
            <pc:sldMk cId="2955265277" sldId="491"/>
            <ac:grpSpMk id="38" creationId="{D3301ACA-FE5F-409C-8FB2-603905F45D72}"/>
          </ac:grpSpMkLst>
        </pc:grpChg>
        <pc:grpChg chg="add mod ord">
          <ac:chgData name="Thomas Nyman" userId="ac62be27-690b-42bb-ae39-d787d15a1823" providerId="ADAL" clId="{A112BAF0-C041-42F2-A41A-EC6E32F49326}" dt="2021-10-08T16:42:01.482" v="4227" actId="164"/>
          <ac:grpSpMkLst>
            <pc:docMk/>
            <pc:sldMk cId="2955265277" sldId="491"/>
            <ac:grpSpMk id="45" creationId="{324F3216-6A5E-4951-9AE6-3D84C257A62C}"/>
          </ac:grpSpMkLst>
        </pc:grpChg>
        <pc:grpChg chg="add mod">
          <ac:chgData name="Thomas Nyman" userId="ac62be27-690b-42bb-ae39-d787d15a1823" providerId="ADAL" clId="{A112BAF0-C041-42F2-A41A-EC6E32F49326}" dt="2021-10-08T16:42:12.891" v="4228" actId="164"/>
          <ac:grpSpMkLst>
            <pc:docMk/>
            <pc:sldMk cId="2955265277" sldId="491"/>
            <ac:grpSpMk id="52" creationId="{E296E2E6-2753-4B53-9092-036E72CD1350}"/>
          </ac:grpSpMkLst>
        </pc:grpChg>
        <pc:grpChg chg="add mod">
          <ac:chgData name="Thomas Nyman" userId="ac62be27-690b-42bb-ae39-d787d15a1823" providerId="ADAL" clId="{A112BAF0-C041-42F2-A41A-EC6E32F49326}" dt="2021-10-08T16:42:38.585" v="4231" actId="164"/>
          <ac:grpSpMkLst>
            <pc:docMk/>
            <pc:sldMk cId="2955265277" sldId="491"/>
            <ac:grpSpMk id="59" creationId="{A5A06393-7E4A-44B5-AA75-F105D808B1C1}"/>
          </ac:grpSpMkLst>
        </pc:grpChg>
        <pc:grpChg chg="add mod">
          <ac:chgData name="Thomas Nyman" userId="ac62be27-690b-42bb-ae39-d787d15a1823" providerId="ADAL" clId="{A112BAF0-C041-42F2-A41A-EC6E32F49326}" dt="2021-10-08T16:41:15.938" v="4223" actId="164"/>
          <ac:grpSpMkLst>
            <pc:docMk/>
            <pc:sldMk cId="2955265277" sldId="491"/>
            <ac:grpSpMk id="112" creationId="{D53F99C4-522C-4779-A4A8-82E71778EBE6}"/>
          </ac:grpSpMkLst>
        </pc:grpChg>
        <pc:grpChg chg="add mod">
          <ac:chgData name="Thomas Nyman" userId="ac62be27-690b-42bb-ae39-d787d15a1823" providerId="ADAL" clId="{A112BAF0-C041-42F2-A41A-EC6E32F49326}" dt="2021-10-08T16:41:30.819" v="4225" actId="164"/>
          <ac:grpSpMkLst>
            <pc:docMk/>
            <pc:sldMk cId="2955265277" sldId="491"/>
            <ac:grpSpMk id="113" creationId="{B0A231E9-B144-4F61-BD87-B7CB72EDA1D8}"/>
          </ac:grpSpMkLst>
        </pc:grpChg>
        <pc:grpChg chg="add mod">
          <ac:chgData name="Thomas Nyman" userId="ac62be27-690b-42bb-ae39-d787d15a1823" providerId="ADAL" clId="{A112BAF0-C041-42F2-A41A-EC6E32F49326}" dt="2021-10-08T16:52:43.018" v="4350" actId="1037"/>
          <ac:grpSpMkLst>
            <pc:docMk/>
            <pc:sldMk cId="2955265277" sldId="491"/>
            <ac:grpSpMk id="114" creationId="{873FB870-D79D-4E56-9273-44AE8791B7D5}"/>
          </ac:grpSpMkLst>
        </pc:grpChg>
        <pc:grpChg chg="add mod">
          <ac:chgData name="Thomas Nyman" userId="ac62be27-690b-42bb-ae39-d787d15a1823" providerId="ADAL" clId="{A112BAF0-C041-42F2-A41A-EC6E32F49326}" dt="2021-10-08T16:52:46.309" v="4353" actId="1037"/>
          <ac:grpSpMkLst>
            <pc:docMk/>
            <pc:sldMk cId="2955265277" sldId="491"/>
            <ac:grpSpMk id="115" creationId="{CBF9F2FF-042D-4217-B829-2B633C3C3619}"/>
          </ac:grpSpMkLst>
        </pc:grpChg>
        <pc:grpChg chg="add mod">
          <ac:chgData name="Thomas Nyman" userId="ac62be27-690b-42bb-ae39-d787d15a1823" providerId="ADAL" clId="{A112BAF0-C041-42F2-A41A-EC6E32F49326}" dt="2021-10-08T16:42:12.891" v="4228" actId="164"/>
          <ac:grpSpMkLst>
            <pc:docMk/>
            <pc:sldMk cId="2955265277" sldId="491"/>
            <ac:grpSpMk id="116" creationId="{62E541EF-4BFE-4717-B111-EB0715B29D81}"/>
          </ac:grpSpMkLst>
        </pc:grpChg>
        <pc:grpChg chg="add mod">
          <ac:chgData name="Thomas Nyman" userId="ac62be27-690b-42bb-ae39-d787d15a1823" providerId="ADAL" clId="{A112BAF0-C041-42F2-A41A-EC6E32F49326}" dt="2021-10-08T16:42:38.585" v="4231" actId="164"/>
          <ac:grpSpMkLst>
            <pc:docMk/>
            <pc:sldMk cId="2955265277" sldId="491"/>
            <ac:grpSpMk id="118" creationId="{805362B2-4129-4B3B-AED4-AC1B767A673D}"/>
          </ac:grpSpMkLst>
        </pc:grpChg>
        <pc:grpChg chg="add mod">
          <ac:chgData name="Thomas Nyman" userId="ac62be27-690b-42bb-ae39-d787d15a1823" providerId="ADAL" clId="{A112BAF0-C041-42F2-A41A-EC6E32F49326}" dt="2021-10-08T16:48:27.435" v="4318" actId="164"/>
          <ac:grpSpMkLst>
            <pc:docMk/>
            <pc:sldMk cId="2955265277" sldId="491"/>
            <ac:grpSpMk id="129" creationId="{2CC8CC4E-55A1-40DD-AE39-8DECDCEDF677}"/>
          </ac:grpSpMkLst>
        </pc:grpChg>
        <pc:grpChg chg="add mod">
          <ac:chgData name="Thomas Nyman" userId="ac62be27-690b-42bb-ae39-d787d15a1823" providerId="ADAL" clId="{A112BAF0-C041-42F2-A41A-EC6E32F49326}" dt="2021-10-08T16:48:31.713" v="4319" actId="1076"/>
          <ac:grpSpMkLst>
            <pc:docMk/>
            <pc:sldMk cId="2955265277" sldId="491"/>
            <ac:grpSpMk id="131" creationId="{8D97BADD-B42C-4D16-A7C6-66B9CFF6E297}"/>
          </ac:grpSpMkLst>
        </pc:grpChg>
        <pc:grpChg chg="add mod">
          <ac:chgData name="Thomas Nyman" userId="ac62be27-690b-42bb-ae39-d787d15a1823" providerId="ADAL" clId="{A112BAF0-C041-42F2-A41A-EC6E32F49326}" dt="2021-10-08T16:51:45.481" v="4345" actId="164"/>
          <ac:grpSpMkLst>
            <pc:docMk/>
            <pc:sldMk cId="2955265277" sldId="491"/>
            <ac:grpSpMk id="152" creationId="{5864E529-4E54-487A-B550-7145EF814283}"/>
          </ac:grpSpMkLst>
        </pc:grpChg>
        <pc:graphicFrameChg chg="add del modGraphic">
          <ac:chgData name="Thomas Nyman" userId="ac62be27-690b-42bb-ae39-d787d15a1823" providerId="ADAL" clId="{A112BAF0-C041-42F2-A41A-EC6E32F49326}" dt="2021-10-08T15:45:31.540" v="3278" actId="3680"/>
          <ac:graphicFrameMkLst>
            <pc:docMk/>
            <pc:sldMk cId="2955265277" sldId="491"/>
            <ac:graphicFrameMk id="5" creationId="{77F63F8F-CD43-4008-ACED-A1E8D140968C}"/>
          </ac:graphicFrameMkLst>
        </pc:graphicFrameChg>
        <pc:picChg chg="add mod">
          <ac:chgData name="Thomas Nyman" userId="ac62be27-690b-42bb-ae39-d787d15a1823" providerId="ADAL" clId="{A112BAF0-C041-42F2-A41A-EC6E32F49326}" dt="2021-10-08T16:18:28.377" v="3842" actId="1036"/>
          <ac:picMkLst>
            <pc:docMk/>
            <pc:sldMk cId="2955265277" sldId="491"/>
            <ac:picMk id="29" creationId="{C77B32F3-6667-4696-A5F2-3B1FC0F3E54B}"/>
          </ac:picMkLst>
        </pc:picChg>
        <pc:picChg chg="add mod">
          <ac:chgData name="Thomas Nyman" userId="ac62be27-690b-42bb-ae39-d787d15a1823" providerId="ADAL" clId="{A112BAF0-C041-42F2-A41A-EC6E32F49326}" dt="2021-10-08T16:41:43.924" v="4226" actId="164"/>
          <ac:picMkLst>
            <pc:docMk/>
            <pc:sldMk cId="2955265277" sldId="491"/>
            <ac:picMk id="72" creationId="{0FE0AB10-010A-47E4-8C29-FAA52C8AE06B}"/>
          </ac:picMkLst>
        </pc:picChg>
        <pc:picChg chg="add mod">
          <ac:chgData name="Thomas Nyman" userId="ac62be27-690b-42bb-ae39-d787d15a1823" providerId="ADAL" clId="{A112BAF0-C041-42F2-A41A-EC6E32F49326}" dt="2021-10-08T16:42:01.482" v="4227" actId="164"/>
          <ac:picMkLst>
            <pc:docMk/>
            <pc:sldMk cId="2955265277" sldId="491"/>
            <ac:picMk id="73" creationId="{265BD88B-9979-4040-B207-58476C42589C}"/>
          </ac:picMkLst>
        </pc:picChg>
        <pc:picChg chg="add mod">
          <ac:chgData name="Thomas Nyman" userId="ac62be27-690b-42bb-ae39-d787d15a1823" providerId="ADAL" clId="{A112BAF0-C041-42F2-A41A-EC6E32F49326}" dt="2021-10-08T16:42:12.891" v="4228" actId="164"/>
          <ac:picMkLst>
            <pc:docMk/>
            <pc:sldMk cId="2955265277" sldId="491"/>
            <ac:picMk id="74" creationId="{BA301149-F56E-406E-84FB-B558441D95ED}"/>
          </ac:picMkLst>
        </pc:picChg>
        <pc:picChg chg="add del mod">
          <ac:chgData name="Thomas Nyman" userId="ac62be27-690b-42bb-ae39-d787d15a1823" providerId="ADAL" clId="{A112BAF0-C041-42F2-A41A-EC6E32F49326}" dt="2021-10-08T16:30:42.034" v="4105" actId="478"/>
          <ac:picMkLst>
            <pc:docMk/>
            <pc:sldMk cId="2955265277" sldId="491"/>
            <ac:picMk id="75" creationId="{0957087A-3987-4F72-AF7B-C1E3F350AA55}"/>
          </ac:picMkLst>
        </pc:picChg>
        <pc:picChg chg="add mod">
          <ac:chgData name="Thomas Nyman" userId="ac62be27-690b-42bb-ae39-d787d15a1823" providerId="ADAL" clId="{A112BAF0-C041-42F2-A41A-EC6E32F49326}" dt="2021-10-08T16:42:38.585" v="4231" actId="164"/>
          <ac:picMkLst>
            <pc:docMk/>
            <pc:sldMk cId="2955265277" sldId="491"/>
            <ac:picMk id="76" creationId="{840454D2-0FE0-40D3-8C65-020B31590133}"/>
          </ac:picMkLst>
        </pc:picChg>
        <pc:cxnChg chg="add mod">
          <ac:chgData name="Thomas Nyman" userId="ac62be27-690b-42bb-ae39-d787d15a1823" providerId="ADAL" clId="{A112BAF0-C041-42F2-A41A-EC6E32F49326}" dt="2021-10-08T16:42:28.615" v="4230" actId="1036"/>
          <ac:cxnSpMkLst>
            <pc:docMk/>
            <pc:sldMk cId="2955265277" sldId="491"/>
            <ac:cxnSpMk id="68" creationId="{9713BADB-D367-4C02-8821-5EE0907FBB6C}"/>
          </ac:cxnSpMkLst>
        </pc:cxnChg>
        <pc:cxnChg chg="add mod">
          <ac:chgData name="Thomas Nyman" userId="ac62be27-690b-42bb-ae39-d787d15a1823" providerId="ADAL" clId="{A112BAF0-C041-42F2-A41A-EC6E32F49326}" dt="2021-10-08T16:37:44.864" v="4197" actId="14100"/>
          <ac:cxnSpMkLst>
            <pc:docMk/>
            <pc:sldMk cId="2955265277" sldId="491"/>
            <ac:cxnSpMk id="94" creationId="{2B6AF872-F479-4D85-8A54-FA15613EC32D}"/>
          </ac:cxnSpMkLst>
        </pc:cxnChg>
        <pc:cxnChg chg="add mod">
          <ac:chgData name="Thomas Nyman" userId="ac62be27-690b-42bb-ae39-d787d15a1823" providerId="ADAL" clId="{A112BAF0-C041-42F2-A41A-EC6E32F49326}" dt="2021-10-08T16:41:43.924" v="4226" actId="164"/>
          <ac:cxnSpMkLst>
            <pc:docMk/>
            <pc:sldMk cId="2955265277" sldId="491"/>
            <ac:cxnSpMk id="96" creationId="{C77DD25A-8212-4C4A-8FCF-813B85FE6F29}"/>
          </ac:cxnSpMkLst>
        </pc:cxnChg>
        <pc:cxnChg chg="add mod">
          <ac:chgData name="Thomas Nyman" userId="ac62be27-690b-42bb-ae39-d787d15a1823" providerId="ADAL" clId="{A112BAF0-C041-42F2-A41A-EC6E32F49326}" dt="2021-10-08T16:42:01.482" v="4227" actId="164"/>
          <ac:cxnSpMkLst>
            <pc:docMk/>
            <pc:sldMk cId="2955265277" sldId="491"/>
            <ac:cxnSpMk id="99" creationId="{314577A1-178A-4B79-8923-0AABCF5F6DC3}"/>
          </ac:cxnSpMkLst>
        </pc:cxnChg>
        <pc:cxnChg chg="add mod">
          <ac:chgData name="Thomas Nyman" userId="ac62be27-690b-42bb-ae39-d787d15a1823" providerId="ADAL" clId="{A112BAF0-C041-42F2-A41A-EC6E32F49326}" dt="2021-10-08T16:42:12.891" v="4228" actId="164"/>
          <ac:cxnSpMkLst>
            <pc:docMk/>
            <pc:sldMk cId="2955265277" sldId="491"/>
            <ac:cxnSpMk id="105" creationId="{4340393C-9221-4FF6-9B31-EC1B105252A9}"/>
          </ac:cxnSpMkLst>
        </pc:cxnChg>
        <pc:cxnChg chg="add mod">
          <ac:chgData name="Thomas Nyman" userId="ac62be27-690b-42bb-ae39-d787d15a1823" providerId="ADAL" clId="{A112BAF0-C041-42F2-A41A-EC6E32F49326}" dt="2021-10-08T16:42:38.585" v="4231" actId="164"/>
          <ac:cxnSpMkLst>
            <pc:docMk/>
            <pc:sldMk cId="2955265277" sldId="491"/>
            <ac:cxnSpMk id="108" creationId="{08E3A5D0-5863-436E-8FA1-13DE4AC4BEBA}"/>
          </ac:cxnSpMkLst>
        </pc:cxnChg>
        <pc:cxnChg chg="add mod">
          <ac:chgData name="Thomas Nyman" userId="ac62be27-690b-42bb-ae39-d787d15a1823" providerId="ADAL" clId="{A112BAF0-C041-42F2-A41A-EC6E32F49326}" dt="2021-10-08T16:51:45.481" v="4345" actId="164"/>
          <ac:cxnSpMkLst>
            <pc:docMk/>
            <pc:sldMk cId="2955265277" sldId="491"/>
            <ac:cxnSpMk id="136" creationId="{01D1EAD6-8CF5-4BA9-BBF9-E78934DA6303}"/>
          </ac:cxnSpMkLst>
        </pc:cxnChg>
        <pc:cxnChg chg="add mod">
          <ac:chgData name="Thomas Nyman" userId="ac62be27-690b-42bb-ae39-d787d15a1823" providerId="ADAL" clId="{A112BAF0-C041-42F2-A41A-EC6E32F49326}" dt="2021-10-08T16:51:45.481" v="4345" actId="164"/>
          <ac:cxnSpMkLst>
            <pc:docMk/>
            <pc:sldMk cId="2955265277" sldId="491"/>
            <ac:cxnSpMk id="137" creationId="{AD0A347E-AEA7-4F8F-A7DE-828468554334}"/>
          </ac:cxnSpMkLst>
        </pc:cxnChg>
      </pc:sldChg>
      <pc:sldChg chg="modSp new mod ord modAnim">
        <pc:chgData name="Thomas Nyman" userId="ac62be27-690b-42bb-ae39-d787d15a1823" providerId="ADAL" clId="{A112BAF0-C041-42F2-A41A-EC6E32F49326}" dt="2021-10-18T09:31:20.588" v="9144"/>
        <pc:sldMkLst>
          <pc:docMk/>
          <pc:sldMk cId="2411108635" sldId="492"/>
        </pc:sldMkLst>
        <pc:spChg chg="mod">
          <ac:chgData name="Thomas Nyman" userId="ac62be27-690b-42bb-ae39-d787d15a1823" providerId="ADAL" clId="{A112BAF0-C041-42F2-A41A-EC6E32F49326}" dt="2021-10-18T09:31:20.584" v="9143" actId="790"/>
          <ac:spMkLst>
            <pc:docMk/>
            <pc:sldMk cId="2411108635" sldId="492"/>
            <ac:spMk id="2" creationId="{F9B5399F-DFEC-4826-8358-7BECA0CCC831}"/>
          </ac:spMkLst>
        </pc:spChg>
        <pc:spChg chg="mod">
          <ac:chgData name="Thomas Nyman" userId="ac62be27-690b-42bb-ae39-d787d15a1823" providerId="ADAL" clId="{A112BAF0-C041-42F2-A41A-EC6E32F49326}" dt="2021-10-18T09:31:20.588" v="9144"/>
          <ac:spMkLst>
            <pc:docMk/>
            <pc:sldMk cId="2411108635" sldId="492"/>
            <ac:spMk id="3" creationId="{E912B625-664A-4682-A8C2-487112DC98B6}"/>
          </ac:spMkLst>
        </pc:spChg>
      </pc:sldChg>
      <pc:sldChg chg="modSp new mod modAnim">
        <pc:chgData name="Thomas Nyman" userId="ac62be27-690b-42bb-ae39-d787d15a1823" providerId="ADAL" clId="{A112BAF0-C041-42F2-A41A-EC6E32F49326}" dt="2021-10-18T09:31:20.576" v="9135"/>
        <pc:sldMkLst>
          <pc:docMk/>
          <pc:sldMk cId="3350414083" sldId="493"/>
        </pc:sldMkLst>
        <pc:spChg chg="mod">
          <ac:chgData name="Thomas Nyman" userId="ac62be27-690b-42bb-ae39-d787d15a1823" providerId="ADAL" clId="{A112BAF0-C041-42F2-A41A-EC6E32F49326}" dt="2021-10-18T09:31:20.575" v="9134" actId="790"/>
          <ac:spMkLst>
            <pc:docMk/>
            <pc:sldMk cId="3350414083" sldId="493"/>
            <ac:spMk id="2" creationId="{F3025377-3062-4E25-932B-581BA776C027}"/>
          </ac:spMkLst>
        </pc:spChg>
        <pc:spChg chg="mod">
          <ac:chgData name="Thomas Nyman" userId="ac62be27-690b-42bb-ae39-d787d15a1823" providerId="ADAL" clId="{A112BAF0-C041-42F2-A41A-EC6E32F49326}" dt="2021-10-18T09:31:20.576" v="9135"/>
          <ac:spMkLst>
            <pc:docMk/>
            <pc:sldMk cId="3350414083" sldId="493"/>
            <ac:spMk id="3" creationId="{F6098B46-58EB-489C-B78F-F6257AA55FFD}"/>
          </ac:spMkLst>
        </pc:spChg>
      </pc:sldChg>
      <pc:sldChg chg="addSp delSp modSp add mod modAnim modShow addCm delCm modCm">
        <pc:chgData name="Thomas Nyman" userId="ac62be27-690b-42bb-ae39-d787d15a1823" providerId="ADAL" clId="{A112BAF0-C041-42F2-A41A-EC6E32F49326}" dt="2021-10-18T09:31:20.594" v="9152"/>
        <pc:sldMkLst>
          <pc:docMk/>
          <pc:sldMk cId="1375469727" sldId="494"/>
        </pc:sldMkLst>
        <pc:spChg chg="mod">
          <ac:chgData name="Thomas Nyman" userId="ac62be27-690b-42bb-ae39-d787d15a1823" providerId="ADAL" clId="{A112BAF0-C041-42F2-A41A-EC6E32F49326}" dt="2021-10-18T09:31:20.588" v="9145" actId="790"/>
          <ac:spMkLst>
            <pc:docMk/>
            <pc:sldMk cId="1375469727" sldId="494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18T09:31:20.589" v="9146"/>
          <ac:spMkLst>
            <pc:docMk/>
            <pc:sldMk cId="1375469727" sldId="494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18T09:31:20.590" v="9147" actId="790"/>
          <ac:spMkLst>
            <pc:docMk/>
            <pc:sldMk cId="1375469727" sldId="494"/>
            <ac:spMk id="6" creationId="{56AFC71C-F7A5-47C7-AC2C-FD58718975AF}"/>
          </ac:spMkLst>
        </pc:spChg>
        <pc:spChg chg="del">
          <ac:chgData name="Thomas Nyman" userId="ac62be27-690b-42bb-ae39-d787d15a1823" providerId="ADAL" clId="{A112BAF0-C041-42F2-A41A-EC6E32F49326}" dt="2021-10-11T11:53:02.479" v="6003" actId="478"/>
          <ac:spMkLst>
            <pc:docMk/>
            <pc:sldMk cId="1375469727" sldId="494"/>
            <ac:spMk id="10" creationId="{41CDB770-D719-40A3-82BD-F2787BAF8C40}"/>
          </ac:spMkLst>
        </pc:spChg>
        <pc:spChg chg="mod">
          <ac:chgData name="Thomas Nyman" userId="ac62be27-690b-42bb-ae39-d787d15a1823" providerId="ADAL" clId="{A112BAF0-C041-42F2-A41A-EC6E32F49326}" dt="2021-10-18T09:31:20.591" v="9148" actId="790"/>
          <ac:spMkLst>
            <pc:docMk/>
            <pc:sldMk cId="1375469727" sldId="494"/>
            <ac:spMk id="11" creationId="{E6D1E66D-7E35-4037-A967-BD046D6E642F}"/>
          </ac:spMkLst>
        </pc:spChg>
        <pc:spChg chg="mod">
          <ac:chgData name="Thomas Nyman" userId="ac62be27-690b-42bb-ae39-d787d15a1823" providerId="ADAL" clId="{A112BAF0-C041-42F2-A41A-EC6E32F49326}" dt="2021-10-18T09:31:20.592" v="9149" actId="790"/>
          <ac:spMkLst>
            <pc:docMk/>
            <pc:sldMk cId="1375469727" sldId="494"/>
            <ac:spMk id="12" creationId="{2104418B-B405-4546-961F-441684FDDF4D}"/>
          </ac:spMkLst>
        </pc:spChg>
        <pc:spChg chg="mod">
          <ac:chgData name="Thomas Nyman" userId="ac62be27-690b-42bb-ae39-d787d15a1823" providerId="ADAL" clId="{A112BAF0-C041-42F2-A41A-EC6E32F49326}" dt="2021-10-18T09:31:20.593" v="9150" actId="790"/>
          <ac:spMkLst>
            <pc:docMk/>
            <pc:sldMk cId="1375469727" sldId="494"/>
            <ac:spMk id="13" creationId="{77302FF2-BC11-4E2F-A8A8-00912EC3652F}"/>
          </ac:spMkLst>
        </pc:spChg>
        <pc:spChg chg="add del">
          <ac:chgData name="Thomas Nyman" userId="ac62be27-690b-42bb-ae39-d787d15a1823" providerId="ADAL" clId="{A112BAF0-C041-42F2-A41A-EC6E32F49326}" dt="2021-10-11T11:54:14.721" v="6069" actId="11529"/>
          <ac:spMkLst>
            <pc:docMk/>
            <pc:sldMk cId="1375469727" sldId="494"/>
            <ac:spMk id="14" creationId="{632686DE-FA9B-488B-9809-0AC9531E7DD4}"/>
          </ac:spMkLst>
        </pc:spChg>
        <pc:spChg chg="add mod">
          <ac:chgData name="Thomas Nyman" userId="ac62be27-690b-42bb-ae39-d787d15a1823" providerId="ADAL" clId="{A112BAF0-C041-42F2-A41A-EC6E32F49326}" dt="2021-10-18T09:31:20.594" v="9151" actId="790"/>
          <ac:spMkLst>
            <pc:docMk/>
            <pc:sldMk cId="1375469727" sldId="494"/>
            <ac:spMk id="15" creationId="{7FF76BA8-71F4-4AF4-9933-73900FF6CD68}"/>
          </ac:spMkLst>
        </pc:spChg>
        <pc:spChg chg="add mod">
          <ac:chgData name="Thomas Nyman" userId="ac62be27-690b-42bb-ae39-d787d15a1823" providerId="ADAL" clId="{A112BAF0-C041-42F2-A41A-EC6E32F49326}" dt="2021-10-18T09:31:20.594" v="9152"/>
          <ac:spMkLst>
            <pc:docMk/>
            <pc:sldMk cId="1375469727" sldId="494"/>
            <ac:spMk id="16" creationId="{861BABB0-65A0-4611-9B94-E36C8FC16FF6}"/>
          </ac:spMkLst>
        </pc:spChg>
      </pc:sldChg>
      <pc:sldChg chg="modSp new mod">
        <pc:chgData name="Thomas Nyman" userId="ac62be27-690b-42bb-ae39-d787d15a1823" providerId="ADAL" clId="{A112BAF0-C041-42F2-A41A-EC6E32F49326}" dt="2021-10-18T09:31:20.738" v="9361" actId="790"/>
        <pc:sldMkLst>
          <pc:docMk/>
          <pc:sldMk cId="1207694637" sldId="496"/>
        </pc:sldMkLst>
        <pc:spChg chg="mod">
          <ac:chgData name="Thomas Nyman" userId="ac62be27-690b-42bb-ae39-d787d15a1823" providerId="ADAL" clId="{A112BAF0-C041-42F2-A41A-EC6E32F49326}" dt="2021-10-18T09:31:20.735" v="9360" actId="790"/>
          <ac:spMkLst>
            <pc:docMk/>
            <pc:sldMk cId="1207694637" sldId="496"/>
            <ac:spMk id="2" creationId="{5552E3F4-9A06-4671-B090-DF3C6F71903B}"/>
          </ac:spMkLst>
        </pc:spChg>
        <pc:spChg chg="mod">
          <ac:chgData name="Thomas Nyman" userId="ac62be27-690b-42bb-ae39-d787d15a1823" providerId="ADAL" clId="{A112BAF0-C041-42F2-A41A-EC6E32F49326}" dt="2021-10-18T09:31:20.738" v="9361" actId="790"/>
          <ac:spMkLst>
            <pc:docMk/>
            <pc:sldMk cId="1207694637" sldId="496"/>
            <ac:spMk id="3" creationId="{B401D54D-1D87-477D-AF2E-ACEEC35FE362}"/>
          </ac:spMkLst>
        </pc:spChg>
      </pc:sldChg>
      <pc:sldChg chg="modSp new mod modAnim">
        <pc:chgData name="Thomas Nyman" userId="ac62be27-690b-42bb-ae39-d787d15a1823" providerId="ADAL" clId="{A112BAF0-C041-42F2-A41A-EC6E32F49326}" dt="2021-10-18T09:31:20.573" v="9133"/>
        <pc:sldMkLst>
          <pc:docMk/>
          <pc:sldMk cId="2966937564" sldId="497"/>
        </pc:sldMkLst>
        <pc:spChg chg="mod">
          <ac:chgData name="Thomas Nyman" userId="ac62be27-690b-42bb-ae39-d787d15a1823" providerId="ADAL" clId="{A112BAF0-C041-42F2-A41A-EC6E32F49326}" dt="2021-10-18T09:31:20.569" v="9132" actId="790"/>
          <ac:spMkLst>
            <pc:docMk/>
            <pc:sldMk cId="2966937564" sldId="497"/>
            <ac:spMk id="2" creationId="{F3CAB82F-F2C7-46A0-B54F-B614E79C4B60}"/>
          </ac:spMkLst>
        </pc:spChg>
        <pc:spChg chg="mod">
          <ac:chgData name="Thomas Nyman" userId="ac62be27-690b-42bb-ae39-d787d15a1823" providerId="ADAL" clId="{A112BAF0-C041-42F2-A41A-EC6E32F49326}" dt="2021-10-18T09:31:20.573" v="9133"/>
          <ac:spMkLst>
            <pc:docMk/>
            <pc:sldMk cId="2966937564" sldId="497"/>
            <ac:spMk id="3" creationId="{33B28E74-305B-4E61-8420-C7007B8BFB6D}"/>
          </ac:spMkLst>
        </pc:spChg>
      </pc:sldChg>
      <pc:sldChg chg="modSp mod">
        <pc:chgData name="Thomas Nyman" userId="ac62be27-690b-42bb-ae39-d787d15a1823" providerId="ADAL" clId="{A112BAF0-C041-42F2-A41A-EC6E32F49326}" dt="2021-10-18T09:31:20.670" v="9275" actId="790"/>
        <pc:sldMkLst>
          <pc:docMk/>
          <pc:sldMk cId="2674755033" sldId="498"/>
        </pc:sldMkLst>
        <pc:spChg chg="mod">
          <ac:chgData name="Thomas Nyman" userId="ac62be27-690b-42bb-ae39-d787d15a1823" providerId="ADAL" clId="{A112BAF0-C041-42F2-A41A-EC6E32F49326}" dt="2021-10-18T09:31:20.656" v="9257" actId="790"/>
          <ac:spMkLst>
            <pc:docMk/>
            <pc:sldMk cId="2674755033" sldId="498"/>
            <ac:spMk id="2" creationId="{145A5B86-CDEE-4EAD-814B-D0C826FD40F3}"/>
          </ac:spMkLst>
        </pc:spChg>
        <pc:spChg chg="mod">
          <ac:chgData name="Thomas Nyman" userId="ac62be27-690b-42bb-ae39-d787d15a1823" providerId="ADAL" clId="{A112BAF0-C041-42F2-A41A-EC6E32F49326}" dt="2021-10-18T09:31:20.660" v="9258" actId="790"/>
          <ac:spMkLst>
            <pc:docMk/>
            <pc:sldMk cId="2674755033" sldId="498"/>
            <ac:spMk id="3" creationId="{0725F03B-7FF5-4B82-84E1-122CEE6079CC}"/>
          </ac:spMkLst>
        </pc:spChg>
        <pc:spChg chg="mod">
          <ac:chgData name="Thomas Nyman" userId="ac62be27-690b-42bb-ae39-d787d15a1823" providerId="ADAL" clId="{A112BAF0-C041-42F2-A41A-EC6E32F49326}" dt="2021-10-18T09:31:20.661" v="9260" actId="790"/>
          <ac:spMkLst>
            <pc:docMk/>
            <pc:sldMk cId="2674755033" sldId="498"/>
            <ac:spMk id="5" creationId="{C0E43549-C2F3-4226-8CF6-5A3B88C76930}"/>
          </ac:spMkLst>
        </pc:spChg>
        <pc:spChg chg="mod">
          <ac:chgData name="Thomas Nyman" userId="ac62be27-690b-42bb-ae39-d787d15a1823" providerId="ADAL" clId="{A112BAF0-C041-42F2-A41A-EC6E32F49326}" dt="2021-10-18T09:31:20.661" v="9259" actId="790"/>
          <ac:spMkLst>
            <pc:docMk/>
            <pc:sldMk cId="2674755033" sldId="498"/>
            <ac:spMk id="6" creationId="{0BF68993-B3F5-44AD-A7C7-CD355E77AE73}"/>
          </ac:spMkLst>
        </pc:spChg>
        <pc:spChg chg="mod">
          <ac:chgData name="Thomas Nyman" userId="ac62be27-690b-42bb-ae39-d787d15a1823" providerId="ADAL" clId="{A112BAF0-C041-42F2-A41A-EC6E32F49326}" dt="2021-10-18T09:31:20.662" v="9261" actId="790"/>
          <ac:spMkLst>
            <pc:docMk/>
            <pc:sldMk cId="2674755033" sldId="498"/>
            <ac:spMk id="7" creationId="{8C106D0A-D965-4685-BB94-2ACB5AF9597B}"/>
          </ac:spMkLst>
        </pc:spChg>
        <pc:spChg chg="mod">
          <ac:chgData name="Thomas Nyman" userId="ac62be27-690b-42bb-ae39-d787d15a1823" providerId="ADAL" clId="{A112BAF0-C041-42F2-A41A-EC6E32F49326}" dt="2021-10-18T09:31:20.663" v="9262" actId="790"/>
          <ac:spMkLst>
            <pc:docMk/>
            <pc:sldMk cId="2674755033" sldId="498"/>
            <ac:spMk id="8" creationId="{79D7E8FD-5ABF-4C09-B53D-EA9670B7FB8E}"/>
          </ac:spMkLst>
        </pc:spChg>
        <pc:spChg chg="mod">
          <ac:chgData name="Thomas Nyman" userId="ac62be27-690b-42bb-ae39-d787d15a1823" providerId="ADAL" clId="{A112BAF0-C041-42F2-A41A-EC6E32F49326}" dt="2021-10-18T09:31:20.663" v="9263" actId="790"/>
          <ac:spMkLst>
            <pc:docMk/>
            <pc:sldMk cId="2674755033" sldId="498"/>
            <ac:spMk id="9" creationId="{B01D6B3A-4943-432B-ABB6-0C8FFC81B081}"/>
          </ac:spMkLst>
        </pc:spChg>
        <pc:spChg chg="mod">
          <ac:chgData name="Thomas Nyman" userId="ac62be27-690b-42bb-ae39-d787d15a1823" providerId="ADAL" clId="{A112BAF0-C041-42F2-A41A-EC6E32F49326}" dt="2021-10-18T09:31:20.664" v="9264" actId="790"/>
          <ac:spMkLst>
            <pc:docMk/>
            <pc:sldMk cId="2674755033" sldId="498"/>
            <ac:spMk id="10" creationId="{4241CF5A-E452-4CC5-A14B-161655AA5210}"/>
          </ac:spMkLst>
        </pc:spChg>
        <pc:spChg chg="mod">
          <ac:chgData name="Thomas Nyman" userId="ac62be27-690b-42bb-ae39-d787d15a1823" providerId="ADAL" clId="{A112BAF0-C041-42F2-A41A-EC6E32F49326}" dt="2021-10-18T09:31:20.665" v="9265" actId="790"/>
          <ac:spMkLst>
            <pc:docMk/>
            <pc:sldMk cId="2674755033" sldId="498"/>
            <ac:spMk id="12" creationId="{64BB2DB5-8C49-4D99-B31C-F12262415E5E}"/>
          </ac:spMkLst>
        </pc:spChg>
        <pc:spChg chg="mod">
          <ac:chgData name="Thomas Nyman" userId="ac62be27-690b-42bb-ae39-d787d15a1823" providerId="ADAL" clId="{A112BAF0-C041-42F2-A41A-EC6E32F49326}" dt="2021-10-18T09:31:20.665" v="9266" actId="790"/>
          <ac:spMkLst>
            <pc:docMk/>
            <pc:sldMk cId="2674755033" sldId="498"/>
            <ac:spMk id="13" creationId="{C6C3BBBC-5107-4865-B187-2688BAFA356D}"/>
          </ac:spMkLst>
        </pc:spChg>
        <pc:spChg chg="mod">
          <ac:chgData name="Thomas Nyman" userId="ac62be27-690b-42bb-ae39-d787d15a1823" providerId="ADAL" clId="{A112BAF0-C041-42F2-A41A-EC6E32F49326}" dt="2021-10-18T09:31:20.666" v="9267" actId="790"/>
          <ac:spMkLst>
            <pc:docMk/>
            <pc:sldMk cId="2674755033" sldId="498"/>
            <ac:spMk id="17" creationId="{BEA32D59-A05B-40B6-824B-EF059F9DC62A}"/>
          </ac:spMkLst>
        </pc:spChg>
        <pc:spChg chg="mod">
          <ac:chgData name="Thomas Nyman" userId="ac62be27-690b-42bb-ae39-d787d15a1823" providerId="ADAL" clId="{A112BAF0-C041-42F2-A41A-EC6E32F49326}" dt="2021-10-18T09:31:20.667" v="9268" actId="790"/>
          <ac:spMkLst>
            <pc:docMk/>
            <pc:sldMk cId="2674755033" sldId="498"/>
            <ac:spMk id="18" creationId="{B24DBF0D-EABE-46D6-9163-3A816515C754}"/>
          </ac:spMkLst>
        </pc:spChg>
        <pc:spChg chg="mod">
          <ac:chgData name="Thomas Nyman" userId="ac62be27-690b-42bb-ae39-d787d15a1823" providerId="ADAL" clId="{A112BAF0-C041-42F2-A41A-EC6E32F49326}" dt="2021-10-18T09:31:20.668" v="9270" actId="790"/>
          <ac:spMkLst>
            <pc:docMk/>
            <pc:sldMk cId="2674755033" sldId="498"/>
            <ac:spMk id="22" creationId="{61AB0C55-CB60-4814-A4C0-C7A5303A5E45}"/>
          </ac:spMkLst>
        </pc:spChg>
        <pc:spChg chg="mod">
          <ac:chgData name="Thomas Nyman" userId="ac62be27-690b-42bb-ae39-d787d15a1823" providerId="ADAL" clId="{A112BAF0-C041-42F2-A41A-EC6E32F49326}" dt="2021-10-18T09:31:20.668" v="9271" actId="790"/>
          <ac:spMkLst>
            <pc:docMk/>
            <pc:sldMk cId="2674755033" sldId="498"/>
            <ac:spMk id="24" creationId="{717D66C0-653D-4C14-9F5F-9C5A8B3B26FB}"/>
          </ac:spMkLst>
        </pc:spChg>
        <pc:spChg chg="mod">
          <ac:chgData name="Thomas Nyman" userId="ac62be27-690b-42bb-ae39-d787d15a1823" providerId="ADAL" clId="{A112BAF0-C041-42F2-A41A-EC6E32F49326}" dt="2021-10-18T09:31:20.669" v="9272" actId="790"/>
          <ac:spMkLst>
            <pc:docMk/>
            <pc:sldMk cId="2674755033" sldId="498"/>
            <ac:spMk id="26" creationId="{1758D4F4-105E-4224-9FB5-65374B0DE5BB}"/>
          </ac:spMkLst>
        </pc:spChg>
        <pc:spChg chg="mod">
          <ac:chgData name="Thomas Nyman" userId="ac62be27-690b-42bb-ae39-d787d15a1823" providerId="ADAL" clId="{A112BAF0-C041-42F2-A41A-EC6E32F49326}" dt="2021-10-18T09:31:20.667" v="9269" actId="790"/>
          <ac:spMkLst>
            <pc:docMk/>
            <pc:sldMk cId="2674755033" sldId="498"/>
            <ac:spMk id="28" creationId="{E1FCDE4D-32F1-4BFA-B671-9B794B96BA60}"/>
          </ac:spMkLst>
        </pc:spChg>
        <pc:spChg chg="mod">
          <ac:chgData name="Thomas Nyman" userId="ac62be27-690b-42bb-ae39-d787d15a1823" providerId="ADAL" clId="{A112BAF0-C041-42F2-A41A-EC6E32F49326}" dt="2021-10-18T09:31:20.670" v="9273" actId="790"/>
          <ac:spMkLst>
            <pc:docMk/>
            <pc:sldMk cId="2674755033" sldId="498"/>
            <ac:spMk id="31" creationId="{247E0441-C92E-47EB-A351-7B8B2BB59ADF}"/>
          </ac:spMkLst>
        </pc:spChg>
        <pc:spChg chg="mod">
          <ac:chgData name="Thomas Nyman" userId="ac62be27-690b-42bb-ae39-d787d15a1823" providerId="ADAL" clId="{A112BAF0-C041-42F2-A41A-EC6E32F49326}" dt="2021-10-18T09:31:20.670" v="9274" actId="790"/>
          <ac:spMkLst>
            <pc:docMk/>
            <pc:sldMk cId="2674755033" sldId="498"/>
            <ac:spMk id="33" creationId="{FE305F45-69AD-4263-9F8F-6517BE36D815}"/>
          </ac:spMkLst>
        </pc:spChg>
        <pc:spChg chg="mod">
          <ac:chgData name="Thomas Nyman" userId="ac62be27-690b-42bb-ae39-d787d15a1823" providerId="ADAL" clId="{A112BAF0-C041-42F2-A41A-EC6E32F49326}" dt="2021-10-18T09:31:20.670" v="9275" actId="790"/>
          <ac:spMkLst>
            <pc:docMk/>
            <pc:sldMk cId="2674755033" sldId="498"/>
            <ac:spMk id="34" creationId="{FB27D682-02D4-4009-B706-AF33390231F5}"/>
          </ac:spMkLst>
        </pc:spChg>
      </pc:sldChg>
      <pc:sldChg chg="modSp mod">
        <pc:chgData name="Thomas Nyman" userId="ac62be27-690b-42bb-ae39-d787d15a1823" providerId="ADAL" clId="{A112BAF0-C041-42F2-A41A-EC6E32F49326}" dt="2021-10-18T09:34:03.288" v="9766" actId="20577"/>
        <pc:sldMkLst>
          <pc:docMk/>
          <pc:sldMk cId="2693905312" sldId="499"/>
        </pc:sldMkLst>
        <pc:spChg chg="mod">
          <ac:chgData name="Thomas Nyman" userId="ac62be27-690b-42bb-ae39-d787d15a1823" providerId="ADAL" clId="{A112BAF0-C041-42F2-A41A-EC6E32F49326}" dt="2021-10-18T09:31:20.671" v="9276" actId="790"/>
          <ac:spMkLst>
            <pc:docMk/>
            <pc:sldMk cId="2693905312" sldId="499"/>
            <ac:spMk id="2" creationId="{145A5B86-CDEE-4EAD-814B-D0C826FD40F3}"/>
          </ac:spMkLst>
        </pc:spChg>
        <pc:spChg chg="mod">
          <ac:chgData name="Thomas Nyman" userId="ac62be27-690b-42bb-ae39-d787d15a1823" providerId="ADAL" clId="{A112BAF0-C041-42F2-A41A-EC6E32F49326}" dt="2021-10-18T09:34:03.288" v="9766" actId="20577"/>
          <ac:spMkLst>
            <pc:docMk/>
            <pc:sldMk cId="2693905312" sldId="499"/>
            <ac:spMk id="3" creationId="{0725F03B-7FF5-4B82-84E1-122CEE6079CC}"/>
          </ac:spMkLst>
        </pc:spChg>
        <pc:spChg chg="mod">
          <ac:chgData name="Thomas Nyman" userId="ac62be27-690b-42bb-ae39-d787d15a1823" providerId="ADAL" clId="{A112BAF0-C041-42F2-A41A-EC6E32F49326}" dt="2021-10-18T09:31:20.676" v="9279" actId="790"/>
          <ac:spMkLst>
            <pc:docMk/>
            <pc:sldMk cId="2693905312" sldId="499"/>
            <ac:spMk id="5" creationId="{C0E43549-C2F3-4226-8CF6-5A3B88C76930}"/>
          </ac:spMkLst>
        </pc:spChg>
        <pc:spChg chg="mod">
          <ac:chgData name="Thomas Nyman" userId="ac62be27-690b-42bb-ae39-d787d15a1823" providerId="ADAL" clId="{A112BAF0-C041-42F2-A41A-EC6E32F49326}" dt="2021-10-18T09:31:20.676" v="9278" actId="790"/>
          <ac:spMkLst>
            <pc:docMk/>
            <pc:sldMk cId="2693905312" sldId="499"/>
            <ac:spMk id="6" creationId="{0BF68993-B3F5-44AD-A7C7-CD355E77AE73}"/>
          </ac:spMkLst>
        </pc:spChg>
        <pc:spChg chg="mod">
          <ac:chgData name="Thomas Nyman" userId="ac62be27-690b-42bb-ae39-d787d15a1823" providerId="ADAL" clId="{A112BAF0-C041-42F2-A41A-EC6E32F49326}" dt="2021-10-18T09:31:20.677" v="9280" actId="790"/>
          <ac:spMkLst>
            <pc:docMk/>
            <pc:sldMk cId="2693905312" sldId="499"/>
            <ac:spMk id="7" creationId="{8C106D0A-D965-4685-BB94-2ACB5AF9597B}"/>
          </ac:spMkLst>
        </pc:spChg>
        <pc:spChg chg="mod">
          <ac:chgData name="Thomas Nyman" userId="ac62be27-690b-42bb-ae39-d787d15a1823" providerId="ADAL" clId="{A112BAF0-C041-42F2-A41A-EC6E32F49326}" dt="2021-10-18T09:31:20.677" v="9281" actId="790"/>
          <ac:spMkLst>
            <pc:docMk/>
            <pc:sldMk cId="2693905312" sldId="499"/>
            <ac:spMk id="8" creationId="{79D7E8FD-5ABF-4C09-B53D-EA9670B7FB8E}"/>
          </ac:spMkLst>
        </pc:spChg>
        <pc:spChg chg="mod">
          <ac:chgData name="Thomas Nyman" userId="ac62be27-690b-42bb-ae39-d787d15a1823" providerId="ADAL" clId="{A112BAF0-C041-42F2-A41A-EC6E32F49326}" dt="2021-10-18T09:31:20.678" v="9282" actId="790"/>
          <ac:spMkLst>
            <pc:docMk/>
            <pc:sldMk cId="2693905312" sldId="499"/>
            <ac:spMk id="9" creationId="{B01D6B3A-4943-432B-ABB6-0C8FFC81B081}"/>
          </ac:spMkLst>
        </pc:spChg>
        <pc:spChg chg="mod">
          <ac:chgData name="Thomas Nyman" userId="ac62be27-690b-42bb-ae39-d787d15a1823" providerId="ADAL" clId="{A112BAF0-C041-42F2-A41A-EC6E32F49326}" dt="2021-10-18T09:31:20.679" v="9283" actId="790"/>
          <ac:spMkLst>
            <pc:docMk/>
            <pc:sldMk cId="2693905312" sldId="499"/>
            <ac:spMk id="10" creationId="{4241CF5A-E452-4CC5-A14B-161655AA5210}"/>
          </ac:spMkLst>
        </pc:spChg>
        <pc:spChg chg="mod">
          <ac:chgData name="Thomas Nyman" userId="ac62be27-690b-42bb-ae39-d787d15a1823" providerId="ADAL" clId="{A112BAF0-C041-42F2-A41A-EC6E32F49326}" dt="2021-10-18T09:31:20.679" v="9284" actId="790"/>
          <ac:spMkLst>
            <pc:docMk/>
            <pc:sldMk cId="2693905312" sldId="499"/>
            <ac:spMk id="12" creationId="{64BB2DB5-8C49-4D99-B31C-F12262415E5E}"/>
          </ac:spMkLst>
        </pc:spChg>
        <pc:spChg chg="mod">
          <ac:chgData name="Thomas Nyman" userId="ac62be27-690b-42bb-ae39-d787d15a1823" providerId="ADAL" clId="{A112BAF0-C041-42F2-A41A-EC6E32F49326}" dt="2021-10-18T09:31:20.680" v="9285" actId="790"/>
          <ac:spMkLst>
            <pc:docMk/>
            <pc:sldMk cId="2693905312" sldId="499"/>
            <ac:spMk id="13" creationId="{C6C3BBBC-5107-4865-B187-2688BAFA356D}"/>
          </ac:spMkLst>
        </pc:spChg>
        <pc:spChg chg="mod">
          <ac:chgData name="Thomas Nyman" userId="ac62be27-690b-42bb-ae39-d787d15a1823" providerId="ADAL" clId="{A112BAF0-C041-42F2-A41A-EC6E32F49326}" dt="2021-10-18T09:31:20.683" v="9290" actId="790"/>
          <ac:spMkLst>
            <pc:docMk/>
            <pc:sldMk cId="2693905312" sldId="499"/>
            <ac:spMk id="15" creationId="{4D94C26A-B224-43C2-AD0D-51BB7ACE6C66}"/>
          </ac:spMkLst>
        </pc:spChg>
        <pc:spChg chg="mod">
          <ac:chgData name="Thomas Nyman" userId="ac62be27-690b-42bb-ae39-d787d15a1823" providerId="ADAL" clId="{A112BAF0-C041-42F2-A41A-EC6E32F49326}" dt="2021-10-18T09:31:20.681" v="9286" actId="790"/>
          <ac:spMkLst>
            <pc:docMk/>
            <pc:sldMk cId="2693905312" sldId="499"/>
            <ac:spMk id="17" creationId="{BEA32D59-A05B-40B6-824B-EF059F9DC62A}"/>
          </ac:spMkLst>
        </pc:spChg>
        <pc:spChg chg="mod">
          <ac:chgData name="Thomas Nyman" userId="ac62be27-690b-42bb-ae39-d787d15a1823" providerId="ADAL" clId="{A112BAF0-C041-42F2-A41A-EC6E32F49326}" dt="2021-10-18T09:31:20.681" v="9287" actId="790"/>
          <ac:spMkLst>
            <pc:docMk/>
            <pc:sldMk cId="2693905312" sldId="499"/>
            <ac:spMk id="18" creationId="{B24DBF0D-EABE-46D6-9163-3A816515C754}"/>
          </ac:spMkLst>
        </pc:spChg>
        <pc:spChg chg="mod">
          <ac:chgData name="Thomas Nyman" userId="ac62be27-690b-42bb-ae39-d787d15a1823" providerId="ADAL" clId="{A112BAF0-C041-42F2-A41A-EC6E32F49326}" dt="2021-10-18T09:31:20.682" v="9288" actId="790"/>
          <ac:spMkLst>
            <pc:docMk/>
            <pc:sldMk cId="2693905312" sldId="499"/>
            <ac:spMk id="20" creationId="{4120F6FF-A064-45F6-A472-0AA7C29BAAA3}"/>
          </ac:spMkLst>
        </pc:spChg>
        <pc:spChg chg="mod">
          <ac:chgData name="Thomas Nyman" userId="ac62be27-690b-42bb-ae39-d787d15a1823" providerId="ADAL" clId="{A112BAF0-C041-42F2-A41A-EC6E32F49326}" dt="2021-10-18T09:31:20.685" v="9291" actId="790"/>
          <ac:spMkLst>
            <pc:docMk/>
            <pc:sldMk cId="2693905312" sldId="499"/>
            <ac:spMk id="25" creationId="{E6090D84-907F-4306-A683-5BD0E3B8EA9A}"/>
          </ac:spMkLst>
        </pc:spChg>
        <pc:spChg chg="mod">
          <ac:chgData name="Thomas Nyman" userId="ac62be27-690b-42bb-ae39-d787d15a1823" providerId="ADAL" clId="{A112BAF0-C041-42F2-A41A-EC6E32F49326}" dt="2021-10-18T09:31:20.685" v="9292" actId="790"/>
          <ac:spMkLst>
            <pc:docMk/>
            <pc:sldMk cId="2693905312" sldId="499"/>
            <ac:spMk id="26" creationId="{FEB90BED-69E1-482D-8669-955A05270E14}"/>
          </ac:spMkLst>
        </pc:spChg>
        <pc:spChg chg="mod">
          <ac:chgData name="Thomas Nyman" userId="ac62be27-690b-42bb-ae39-d787d15a1823" providerId="ADAL" clId="{A112BAF0-C041-42F2-A41A-EC6E32F49326}" dt="2021-10-18T09:31:20.682" v="9289" actId="790"/>
          <ac:spMkLst>
            <pc:docMk/>
            <pc:sldMk cId="2693905312" sldId="499"/>
            <ac:spMk id="28" creationId="{E1FCDE4D-32F1-4BFA-B671-9B794B96BA60}"/>
          </ac:spMkLst>
        </pc:spChg>
        <pc:spChg chg="mod">
          <ac:chgData name="Thomas Nyman" userId="ac62be27-690b-42bb-ae39-d787d15a1823" providerId="ADAL" clId="{A112BAF0-C041-42F2-A41A-EC6E32F49326}" dt="2021-10-18T09:31:20.686" v="9293" actId="790"/>
          <ac:spMkLst>
            <pc:docMk/>
            <pc:sldMk cId="2693905312" sldId="499"/>
            <ac:spMk id="33" creationId="{6AF2F5CB-22E1-48FB-8C13-9898CC7E9FD1}"/>
          </ac:spMkLst>
        </pc:spChg>
        <pc:spChg chg="mod">
          <ac:chgData name="Thomas Nyman" userId="ac62be27-690b-42bb-ae39-d787d15a1823" providerId="ADAL" clId="{A112BAF0-C041-42F2-A41A-EC6E32F49326}" dt="2021-10-18T09:31:20.686" v="9294" actId="790"/>
          <ac:spMkLst>
            <pc:docMk/>
            <pc:sldMk cId="2693905312" sldId="499"/>
            <ac:spMk id="34" creationId="{5FCB0206-9CA0-4D8A-99BA-2ACF35F4B4D4}"/>
          </ac:spMkLst>
        </pc:spChg>
        <pc:spChg chg="mod">
          <ac:chgData name="Thomas Nyman" userId="ac62be27-690b-42bb-ae39-d787d15a1823" providerId="ADAL" clId="{A112BAF0-C041-42F2-A41A-EC6E32F49326}" dt="2021-10-18T09:31:20.687" v="9295" actId="790"/>
          <ac:spMkLst>
            <pc:docMk/>
            <pc:sldMk cId="2693905312" sldId="499"/>
            <ac:spMk id="36" creationId="{9414CAED-0A38-496F-8720-93EBDDCEB5FD}"/>
          </ac:spMkLst>
        </pc:spChg>
        <pc:spChg chg="mod">
          <ac:chgData name="Thomas Nyman" userId="ac62be27-690b-42bb-ae39-d787d15a1823" providerId="ADAL" clId="{A112BAF0-C041-42F2-A41A-EC6E32F49326}" dt="2021-10-18T09:31:20.688" v="9296" actId="790"/>
          <ac:spMkLst>
            <pc:docMk/>
            <pc:sldMk cId="2693905312" sldId="499"/>
            <ac:spMk id="37" creationId="{A60624C4-D331-42AC-8FE6-B955C7F91ACA}"/>
          </ac:spMkLst>
        </pc:spChg>
      </pc:sldChg>
      <pc:sldChg chg="modSp add mod">
        <pc:chgData name="Thomas Nyman" userId="ac62be27-690b-42bb-ae39-d787d15a1823" providerId="ADAL" clId="{A112BAF0-C041-42F2-A41A-EC6E32F49326}" dt="2021-10-14T12:50:26.123" v="8376" actId="20577"/>
        <pc:sldMkLst>
          <pc:docMk/>
          <pc:sldMk cId="2367292263" sldId="500"/>
        </pc:sldMkLst>
        <pc:spChg chg="mod">
          <ac:chgData name="Thomas Nyman" userId="ac62be27-690b-42bb-ae39-d787d15a1823" providerId="ADAL" clId="{A112BAF0-C041-42F2-A41A-EC6E32F49326}" dt="2021-10-14T12:49:06.145" v="8369" actId="20577"/>
          <ac:spMkLst>
            <pc:docMk/>
            <pc:sldMk cId="2367292263" sldId="500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14T12:50:26.123" v="8376" actId="20577"/>
          <ac:spMkLst>
            <pc:docMk/>
            <pc:sldMk cId="2367292263" sldId="500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14T12:49:11.169" v="8372" actId="20577"/>
          <ac:spMkLst>
            <pc:docMk/>
            <pc:sldMk cId="2367292263" sldId="500"/>
            <ac:spMk id="16" creationId="{861BABB0-65A0-4611-9B94-E36C8FC16FF6}"/>
          </ac:spMkLst>
        </pc:spChg>
      </pc:sldChg>
      <pc:sldChg chg="modSp mod modAnim">
        <pc:chgData name="Thomas Nyman" userId="ac62be27-690b-42bb-ae39-d787d15a1823" providerId="ADAL" clId="{A112BAF0-C041-42F2-A41A-EC6E32F49326}" dt="2021-10-18T09:35:07.659" v="9768" actId="20577"/>
        <pc:sldMkLst>
          <pc:docMk/>
          <pc:sldMk cId="3565028100" sldId="501"/>
        </pc:sldMkLst>
        <pc:spChg chg="mod">
          <ac:chgData name="Thomas Nyman" userId="ac62be27-690b-42bb-ae39-d787d15a1823" providerId="ADAL" clId="{A112BAF0-C041-42F2-A41A-EC6E32F49326}" dt="2021-10-18T09:31:20.638" v="9229"/>
          <ac:spMkLst>
            <pc:docMk/>
            <pc:sldMk cId="3565028100" sldId="501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18T09:35:07.659" v="9768" actId="20577"/>
          <ac:spMkLst>
            <pc:docMk/>
            <pc:sldMk cId="3565028100" sldId="501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18T09:31:20.639" v="9231"/>
          <ac:spMkLst>
            <pc:docMk/>
            <pc:sldMk cId="3565028100" sldId="501"/>
            <ac:spMk id="6" creationId="{56AFC71C-F7A5-47C7-AC2C-FD58718975AF}"/>
          </ac:spMkLst>
        </pc:spChg>
        <pc:spChg chg="mod">
          <ac:chgData name="Thomas Nyman" userId="ac62be27-690b-42bb-ae39-d787d15a1823" providerId="ADAL" clId="{A112BAF0-C041-42F2-A41A-EC6E32F49326}" dt="2021-10-18T09:31:20.639" v="9232"/>
          <ac:spMkLst>
            <pc:docMk/>
            <pc:sldMk cId="3565028100" sldId="501"/>
            <ac:spMk id="11" creationId="{E6D1E66D-7E35-4037-A967-BD046D6E642F}"/>
          </ac:spMkLst>
        </pc:spChg>
        <pc:spChg chg="mod">
          <ac:chgData name="Thomas Nyman" userId="ac62be27-690b-42bb-ae39-d787d15a1823" providerId="ADAL" clId="{A112BAF0-C041-42F2-A41A-EC6E32F49326}" dt="2021-10-18T09:31:20.640" v="9233"/>
          <ac:spMkLst>
            <pc:docMk/>
            <pc:sldMk cId="3565028100" sldId="501"/>
            <ac:spMk id="12" creationId="{2104418B-B405-4546-961F-441684FDDF4D}"/>
          </ac:spMkLst>
        </pc:spChg>
        <pc:spChg chg="mod">
          <ac:chgData name="Thomas Nyman" userId="ac62be27-690b-42bb-ae39-d787d15a1823" providerId="ADAL" clId="{A112BAF0-C041-42F2-A41A-EC6E32F49326}" dt="2021-10-18T09:31:20.640" v="9234"/>
          <ac:spMkLst>
            <pc:docMk/>
            <pc:sldMk cId="3565028100" sldId="501"/>
            <ac:spMk id="13" creationId="{77302FF2-BC11-4E2F-A8A8-00912EC3652F}"/>
          </ac:spMkLst>
        </pc:spChg>
        <pc:spChg chg="mod">
          <ac:chgData name="Thomas Nyman" userId="ac62be27-690b-42bb-ae39-d787d15a1823" providerId="ADAL" clId="{A112BAF0-C041-42F2-A41A-EC6E32F49326}" dt="2021-10-18T09:31:20.640" v="9235"/>
          <ac:spMkLst>
            <pc:docMk/>
            <pc:sldMk cId="3565028100" sldId="501"/>
            <ac:spMk id="15" creationId="{7FF76BA8-71F4-4AF4-9933-73900FF6CD68}"/>
          </ac:spMkLst>
        </pc:spChg>
        <pc:spChg chg="mod">
          <ac:chgData name="Thomas Nyman" userId="ac62be27-690b-42bb-ae39-d787d15a1823" providerId="ADAL" clId="{A112BAF0-C041-42F2-A41A-EC6E32F49326}" dt="2021-10-18T09:31:20.640" v="9236"/>
          <ac:spMkLst>
            <pc:docMk/>
            <pc:sldMk cId="3565028100" sldId="501"/>
            <ac:spMk id="16" creationId="{861BABB0-65A0-4611-9B94-E36C8FC16FF6}"/>
          </ac:spMkLst>
        </pc:spChg>
      </pc:sldChg>
      <pc:sldMasterChg chg="modSp mod delSldLayout modSldLayout">
        <pc:chgData name="Thomas Nyman" userId="ac62be27-690b-42bb-ae39-d787d15a1823" providerId="ADAL" clId="{A112BAF0-C041-42F2-A41A-EC6E32F49326}" dt="2021-10-20T15:14:24.702" v="10162"/>
        <pc:sldMasterMkLst>
          <pc:docMk/>
          <pc:sldMasterMk cId="2523064765" sldId="2147483660"/>
        </pc:sldMasterMkLst>
        <pc:spChg chg="mod">
          <ac:chgData name="Thomas Nyman" userId="ac62be27-690b-42bb-ae39-d787d15a1823" providerId="ADAL" clId="{A112BAF0-C041-42F2-A41A-EC6E32F49326}" dt="2021-10-18T09:31:21.305" v="9575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Thomas Nyman" userId="ac62be27-690b-42bb-ae39-d787d15a1823" providerId="ADAL" clId="{A112BAF0-C041-42F2-A41A-EC6E32F49326}" dt="2021-10-18T09:31:21.302" v="9574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Thomas Nyman" userId="ac62be27-690b-42bb-ae39-d787d15a1823" providerId="ADAL" clId="{A112BAF0-C041-42F2-A41A-EC6E32F49326}" dt="2021-10-20T15:14:24.323" v="10042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A112BAF0-C041-42F2-A41A-EC6E32F49326}" dt="2021-10-18T09:31:20.745" v="9366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23" v="10042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Thomas Nyman" userId="ac62be27-690b-42bb-ae39-d787d15a1823" providerId="ADAL" clId="{A112BAF0-C041-42F2-A41A-EC6E32F49326}" dt="2021-10-18T09:31:20.750" v="9370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Thomas Nyman" userId="ac62be27-690b-42bb-ae39-d787d15a1823" providerId="ADAL" clId="{A112BAF0-C041-42F2-A41A-EC6E32F49326}" dt="2021-10-18T09:31:20.740" v="9363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Thomas Nyman" userId="ac62be27-690b-42bb-ae39-d787d15a1823" providerId="ADAL" clId="{A112BAF0-C041-42F2-A41A-EC6E32F49326}" dt="2021-10-18T09:31:20.746" v="9367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747" v="9368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744" v="9365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742" v="9364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43" v="10048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A112BAF0-C041-42F2-A41A-EC6E32F49326}" dt="2021-10-18T09:31:20.761" v="9379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Thomas Nyman" userId="ac62be27-690b-42bb-ae39-d787d15a1823" providerId="ADAL" clId="{A112BAF0-C041-42F2-A41A-EC6E32F49326}" dt="2021-10-20T15:14:24.343" v="10048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Thomas Nyman" userId="ac62be27-690b-42bb-ae39-d787d15a1823" providerId="ADAL" clId="{A112BAF0-C041-42F2-A41A-EC6E32F49326}" dt="2021-10-18T09:31:20.762" v="9380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Thomas Nyman" userId="ac62be27-690b-42bb-ae39-d787d15a1823" providerId="ADAL" clId="{A112BAF0-C041-42F2-A41A-EC6E32F49326}" dt="2021-10-18T09:31:20.763" v="9381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Thomas Nyman" userId="ac62be27-690b-42bb-ae39-d787d15a1823" providerId="ADAL" clId="{A112BAF0-C041-42F2-A41A-EC6E32F49326}" dt="2021-10-18T09:31:20.766" v="9383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52" v="10051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A112BAF0-C041-42F2-A41A-EC6E32F49326}" dt="2021-10-20T15:14:24.352" v="10051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Thomas Nyman" userId="ac62be27-690b-42bb-ae39-d787d15a1823" providerId="ADAL" clId="{A112BAF0-C041-42F2-A41A-EC6E32F49326}" dt="2021-10-18T09:31:20.769" v="9385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Thomas Nyman" userId="ac62be27-690b-42bb-ae39-d787d15a1823" providerId="ADAL" clId="{A112BAF0-C041-42F2-A41A-EC6E32F49326}" dt="2021-10-18T09:31:20.770" v="9386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Thomas Nyman" userId="ac62be27-690b-42bb-ae39-d787d15a1823" providerId="ADAL" clId="{A112BAF0-C041-42F2-A41A-EC6E32F49326}" dt="2021-10-18T09:31:20.772" v="9388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Thomas Nyman" userId="ac62be27-690b-42bb-ae39-d787d15a1823" providerId="ADAL" clId="{A112BAF0-C041-42F2-A41A-EC6E32F49326}" dt="2021-10-18T09:31:20.767" v="9384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60" v="10054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A112BAF0-C041-42F2-A41A-EC6E32F49326}" dt="2021-10-18T09:31:20.773" v="9389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60" v="10054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Thomas Nyman" userId="ac62be27-690b-42bb-ae39-d787d15a1823" providerId="ADAL" clId="{A112BAF0-C041-42F2-A41A-EC6E32F49326}" dt="2021-10-18T09:31:20.781" v="9393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Thomas Nyman" userId="ac62be27-690b-42bb-ae39-d787d15a1823" providerId="ADAL" clId="{A112BAF0-C041-42F2-A41A-EC6E32F49326}" dt="2021-10-18T09:31:20.777" v="9390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Thomas Nyman" userId="ac62be27-690b-42bb-ae39-d787d15a1823" providerId="ADAL" clId="{A112BAF0-C041-42F2-A41A-EC6E32F49326}" dt="2021-10-18T09:31:20.778" v="9391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71" v="1005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A112BAF0-C041-42F2-A41A-EC6E32F49326}" dt="2021-10-18T09:31:20.782" v="9394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71" v="1005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Thomas Nyman" userId="ac62be27-690b-42bb-ae39-d787d15a1823" providerId="ADAL" clId="{A112BAF0-C041-42F2-A41A-EC6E32F49326}" dt="2021-10-18T09:31:20.787" v="9398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Thomas Nyman" userId="ac62be27-690b-42bb-ae39-d787d15a1823" providerId="ADAL" clId="{A112BAF0-C041-42F2-A41A-EC6E32F49326}" dt="2021-10-18T09:31:20.783" v="9395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Thomas Nyman" userId="ac62be27-690b-42bb-ae39-d787d15a1823" providerId="ADAL" clId="{A112BAF0-C041-42F2-A41A-EC6E32F49326}" dt="2021-10-18T09:31:20.785" v="9396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80" v="10060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A112BAF0-C041-42F2-A41A-EC6E32F49326}" dt="2021-10-18T09:31:20.788" v="9399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80" v="10060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Thomas Nyman" userId="ac62be27-690b-42bb-ae39-d787d15a1823" providerId="ADAL" clId="{A112BAF0-C041-42F2-A41A-EC6E32F49326}" dt="2021-10-18T09:31:20.794" v="9403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Thomas Nyman" userId="ac62be27-690b-42bb-ae39-d787d15a1823" providerId="ADAL" clId="{A112BAF0-C041-42F2-A41A-EC6E32F49326}" dt="2021-10-18T09:31:20.789" v="9400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Thomas Nyman" userId="ac62be27-690b-42bb-ae39-d787d15a1823" providerId="ADAL" clId="{A112BAF0-C041-42F2-A41A-EC6E32F49326}" dt="2021-10-18T09:31:20.790" v="9401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92" v="10063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A112BAF0-C041-42F2-A41A-EC6E32F49326}" dt="2021-10-18T09:31:20.795" v="9404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92" v="10063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Thomas Nyman" userId="ac62be27-690b-42bb-ae39-d787d15a1823" providerId="ADAL" clId="{A112BAF0-C041-42F2-A41A-EC6E32F49326}" dt="2021-10-18T09:31:20.801" v="9408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Thomas Nyman" userId="ac62be27-690b-42bb-ae39-d787d15a1823" providerId="ADAL" clId="{A112BAF0-C041-42F2-A41A-EC6E32F49326}" dt="2021-10-18T09:31:20.796" v="9405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Thomas Nyman" userId="ac62be27-690b-42bb-ae39-d787d15a1823" providerId="ADAL" clId="{A112BAF0-C041-42F2-A41A-EC6E32F49326}" dt="2021-10-18T09:31:20.798" v="9406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00" v="10066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A112BAF0-C041-42F2-A41A-EC6E32F49326}" dt="2021-10-18T09:31:20.802" v="9409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00" v="10066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Thomas Nyman" userId="ac62be27-690b-42bb-ae39-d787d15a1823" providerId="ADAL" clId="{A112BAF0-C041-42F2-A41A-EC6E32F49326}" dt="2021-10-18T09:31:20.807" v="9413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Thomas Nyman" userId="ac62be27-690b-42bb-ae39-d787d15a1823" providerId="ADAL" clId="{A112BAF0-C041-42F2-A41A-EC6E32F49326}" dt="2021-10-18T09:31:20.803" v="9410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Thomas Nyman" userId="ac62be27-690b-42bb-ae39-d787d15a1823" providerId="ADAL" clId="{A112BAF0-C041-42F2-A41A-EC6E32F49326}" dt="2021-10-18T09:31:20.805" v="9411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09" v="10069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A112BAF0-C041-42F2-A41A-EC6E32F49326}" dt="2021-10-18T09:31:20.809" v="9414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09" v="10069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Thomas Nyman" userId="ac62be27-690b-42bb-ae39-d787d15a1823" providerId="ADAL" clId="{A112BAF0-C041-42F2-A41A-EC6E32F49326}" dt="2021-10-18T09:31:20.818" v="9418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Thomas Nyman" userId="ac62be27-690b-42bb-ae39-d787d15a1823" providerId="ADAL" clId="{A112BAF0-C041-42F2-A41A-EC6E32F49326}" dt="2021-10-18T09:31:20.813" v="9415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Thomas Nyman" userId="ac62be27-690b-42bb-ae39-d787d15a1823" providerId="ADAL" clId="{A112BAF0-C041-42F2-A41A-EC6E32F49326}" dt="2021-10-18T09:31:20.815" v="9416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17" v="10072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A112BAF0-C041-42F2-A41A-EC6E32F49326}" dt="2021-10-20T15:14:24.417" v="10072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Thomas Nyman" userId="ac62be27-690b-42bb-ae39-d787d15a1823" providerId="ADAL" clId="{A112BAF0-C041-42F2-A41A-EC6E32F49326}" dt="2021-10-18T09:31:20.823" v="9422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Thomas Nyman" userId="ac62be27-690b-42bb-ae39-d787d15a1823" providerId="ADAL" clId="{A112BAF0-C041-42F2-A41A-EC6E32F49326}" dt="2021-10-18T09:31:20.820" v="9419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Thomas Nyman" userId="ac62be27-690b-42bb-ae39-d787d15a1823" providerId="ADAL" clId="{A112BAF0-C041-42F2-A41A-EC6E32F49326}" dt="2021-10-18T09:31:20.821" v="9420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24" v="10075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A112BAF0-C041-42F2-A41A-EC6E32F49326}" dt="2021-10-20T15:14:24.424" v="10075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Thomas Nyman" userId="ac62be27-690b-42bb-ae39-d787d15a1823" providerId="ADAL" clId="{A112BAF0-C041-42F2-A41A-EC6E32F49326}" dt="2021-10-18T09:31:20.828" v="9425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Thomas Nyman" userId="ac62be27-690b-42bb-ae39-d787d15a1823" providerId="ADAL" clId="{A112BAF0-C041-42F2-A41A-EC6E32F49326}" dt="2021-10-18T09:31:20.825" v="9423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38" v="10081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A112BAF0-C041-42F2-A41A-EC6E32F49326}" dt="2021-10-20T15:14:24.438" v="10081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Thomas Nyman" userId="ac62be27-690b-42bb-ae39-d787d15a1823" providerId="ADAL" clId="{A112BAF0-C041-42F2-A41A-EC6E32F49326}" dt="2021-10-18T09:31:20.832" v="9428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834" v="9430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38" v="10105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A112BAF0-C041-42F2-A41A-EC6E32F49326}" dt="2021-10-18T09:31:20.873" v="9460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Thomas Nyman" userId="ac62be27-690b-42bb-ae39-d787d15a1823" providerId="ADAL" clId="{A112BAF0-C041-42F2-A41A-EC6E32F49326}" dt="2021-10-18T09:31:20.871" v="9459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38" v="10105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Thomas Nyman" userId="ac62be27-690b-42bb-ae39-d787d15a1823" providerId="ADAL" clId="{A112BAF0-C041-42F2-A41A-EC6E32F49326}" dt="2021-10-18T09:31:20.876" v="9462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95" v="10126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A112BAF0-C041-42F2-A41A-EC6E32F49326}" dt="2021-10-18T09:31:20.926" v="9490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29" v="9491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23" v="9489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Thomas Nyman" userId="ac62be27-690b-42bb-ae39-d787d15a1823" providerId="ADAL" clId="{A112BAF0-C041-42F2-A41A-EC6E32F49326}" dt="2021-10-20T15:14:24.595" v="10126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Thomas Nyman" userId="ac62be27-690b-42bb-ae39-d787d15a1823" providerId="ADAL" clId="{A112BAF0-C041-42F2-A41A-EC6E32F49326}" dt="2021-10-18T09:31:20.932" v="9493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06" v="10129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A112BAF0-C041-42F2-A41A-EC6E32F49326}" dt="2021-10-18T09:31:20.938" v="9496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33" v="9494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Thomas Nyman" userId="ac62be27-690b-42bb-ae39-d787d15a1823" providerId="ADAL" clId="{A112BAF0-C041-42F2-A41A-EC6E32F49326}" dt="2021-10-18T09:31:20.936" v="9495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06" v="10129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Thomas Nyman" userId="ac62be27-690b-42bb-ae39-d787d15a1823" providerId="ADAL" clId="{A112BAF0-C041-42F2-A41A-EC6E32F49326}" dt="2021-10-18T09:31:20.941" v="9498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63" v="1014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A112BAF0-C041-42F2-A41A-EC6E32F49326}" dt="2021-10-18T09:31:20.996" v="9526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98" v="9527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93" v="9525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Thomas Nyman" userId="ac62be27-690b-42bb-ae39-d787d15a1823" providerId="ADAL" clId="{A112BAF0-C041-42F2-A41A-EC6E32F49326}" dt="2021-10-18T09:31:21.001" v="9528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63" v="1014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Thomas Nyman" userId="ac62be27-690b-42bb-ae39-d787d15a1823" providerId="ADAL" clId="{A112BAF0-C041-42F2-A41A-EC6E32F49326}" dt="2021-10-18T09:31:21.004" v="9530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71" v="10150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A112BAF0-C041-42F2-A41A-EC6E32F49326}" dt="2021-10-18T09:31:21.008" v="9532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11" v="9533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05" v="9531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Thomas Nyman" userId="ac62be27-690b-42bb-ae39-d787d15a1823" providerId="ADAL" clId="{A112BAF0-C041-42F2-A41A-EC6E32F49326}" dt="2021-10-18T09:31:21.013" v="9534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15" v="9535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71" v="10150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Thomas Nyman" userId="ac62be27-690b-42bb-ae39-d787d15a1823" providerId="ADAL" clId="{A112BAF0-C041-42F2-A41A-EC6E32F49326}" dt="2021-10-18T09:31:21.019" v="9537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79" v="10153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A112BAF0-C041-42F2-A41A-EC6E32F49326}" dt="2021-10-18T09:31:21.022" v="9539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25" v="9540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20" v="9538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Thomas Nyman" userId="ac62be27-690b-42bb-ae39-d787d15a1823" providerId="ADAL" clId="{A112BAF0-C041-42F2-A41A-EC6E32F49326}" dt="2021-10-18T09:31:21.027" v="9541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29" v="9542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79" v="10153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Thomas Nyman" userId="ac62be27-690b-42bb-ae39-d787d15a1823" providerId="ADAL" clId="{A112BAF0-C041-42F2-A41A-EC6E32F49326}" dt="2021-10-18T09:31:21.032" v="9544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87" v="10156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A112BAF0-C041-42F2-A41A-EC6E32F49326}" dt="2021-10-18T09:31:21.036" v="9546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38" v="9547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33" v="9545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Thomas Nyman" userId="ac62be27-690b-42bb-ae39-d787d15a1823" providerId="ADAL" clId="{A112BAF0-C041-42F2-A41A-EC6E32F49326}" dt="2021-10-18T09:31:21.040" v="9548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43" v="9549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87" v="10156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Thomas Nyman" userId="ac62be27-690b-42bb-ae39-d787d15a1823" providerId="ADAL" clId="{A112BAF0-C041-42F2-A41A-EC6E32F49326}" dt="2021-10-18T09:31:21.046" v="9551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702" v="10162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A112BAF0-C041-42F2-A41A-EC6E32F49326}" dt="2021-10-18T09:31:21.064" v="9560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67" v="9561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0" v="9562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2" v="9563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6" v="9565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4" v="9564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81" v="9567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9" v="9566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62" v="9559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Thomas Nyman" userId="ac62be27-690b-42bb-ae39-d787d15a1823" providerId="ADAL" clId="{A112BAF0-C041-42F2-A41A-EC6E32F49326}" dt="2021-10-20T15:14:24.702" v="10162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Thomas Nyman" userId="ac62be27-690b-42bb-ae39-d787d15a1823" providerId="ADAL" clId="{A112BAF0-C041-42F2-A41A-EC6E32F49326}" dt="2021-10-18T09:31:21.084" v="9569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60" v="10114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A112BAF0-C041-42F2-A41A-EC6E32F49326}" dt="2021-10-18T09:31:20.895" v="9472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892" v="9471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Thomas Nyman" userId="ac62be27-690b-42bb-ae39-d787d15a1823" providerId="ADAL" clId="{A112BAF0-C041-42F2-A41A-EC6E32F49326}" dt="2021-10-20T15:14:24.560" v="10114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Thomas Nyman" userId="ac62be27-690b-42bb-ae39-d787d15a1823" providerId="ADAL" clId="{A112BAF0-C041-42F2-A41A-EC6E32F49326}" dt="2021-10-18T09:31:20.898" v="9474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69" v="1011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A112BAF0-C041-42F2-A41A-EC6E32F49326}" dt="2021-10-18T09:31:20.905" v="9477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Thomas Nyman" userId="ac62be27-690b-42bb-ae39-d787d15a1823" providerId="ADAL" clId="{A112BAF0-C041-42F2-A41A-EC6E32F49326}" dt="2021-10-18T09:31:20.903" v="9476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00" v="9475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69" v="1011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Thomas Nyman" userId="ac62be27-690b-42bb-ae39-d787d15a1823" providerId="ADAL" clId="{A112BAF0-C041-42F2-A41A-EC6E32F49326}" dt="2021-10-18T09:31:20.907" v="9479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77" v="10120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A112BAF0-C041-42F2-A41A-EC6E32F49326}" dt="2021-10-18T09:31:20.912" v="9481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09" v="9480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Thomas Nyman" userId="ac62be27-690b-42bb-ae39-d787d15a1823" providerId="ADAL" clId="{A112BAF0-C041-42F2-A41A-EC6E32F49326}" dt="2021-10-20T15:14:24.577" v="10120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Thomas Nyman" userId="ac62be27-690b-42bb-ae39-d787d15a1823" providerId="ADAL" clId="{A112BAF0-C041-42F2-A41A-EC6E32F49326}" dt="2021-10-18T09:31:20.914" v="9483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86" v="10123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A112BAF0-C041-42F2-A41A-EC6E32F49326}" dt="2021-10-18T09:31:20.919" v="9486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Thomas Nyman" userId="ac62be27-690b-42bb-ae39-d787d15a1823" providerId="ADAL" clId="{A112BAF0-C041-42F2-A41A-EC6E32F49326}" dt="2021-10-18T09:31:20.918" v="9485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15" v="9484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86" v="10123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Thomas Nyman" userId="ac62be27-690b-42bb-ae39-d787d15a1823" providerId="ADAL" clId="{A112BAF0-C041-42F2-A41A-EC6E32F49326}" dt="2021-10-18T09:31:20.922" v="9488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18" v="10132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A112BAF0-C041-42F2-A41A-EC6E32F49326}" dt="2021-10-18T09:31:20.946" v="9500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48" v="9501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43" v="9499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Thomas Nyman" userId="ac62be27-690b-42bb-ae39-d787d15a1823" providerId="ADAL" clId="{A112BAF0-C041-42F2-A41A-EC6E32F49326}" dt="2021-10-20T15:14:24.618" v="10132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Thomas Nyman" userId="ac62be27-690b-42bb-ae39-d787d15a1823" providerId="ADAL" clId="{A112BAF0-C041-42F2-A41A-EC6E32F49326}" dt="2021-10-18T09:31:20.951" v="9503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27" v="10135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A112BAF0-C041-42F2-A41A-EC6E32F49326}" dt="2021-10-18T09:31:20.955" v="9505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58" v="9506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53" v="9504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Thomas Nyman" userId="ac62be27-690b-42bb-ae39-d787d15a1823" providerId="ADAL" clId="{A112BAF0-C041-42F2-A41A-EC6E32F49326}" dt="2021-10-20T15:14:24.627" v="10135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Thomas Nyman" userId="ac62be27-690b-42bb-ae39-d787d15a1823" providerId="ADAL" clId="{A112BAF0-C041-42F2-A41A-EC6E32F49326}" dt="2021-10-18T09:31:20.961" v="9508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37" v="10138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A112BAF0-C041-42F2-A41A-EC6E32F49326}" dt="2021-10-18T09:31:20.965" v="9510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62" v="9509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Thomas Nyman" userId="ac62be27-690b-42bb-ae39-d787d15a1823" providerId="ADAL" clId="{A112BAF0-C041-42F2-A41A-EC6E32F49326}" dt="2021-10-18T09:31:20.968" v="9511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37" v="10138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Thomas Nyman" userId="ac62be27-690b-42bb-ae39-d787d15a1823" providerId="ADAL" clId="{A112BAF0-C041-42F2-A41A-EC6E32F49326}" dt="2021-10-18T09:31:20.970" v="9513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45" v="10141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A112BAF0-C041-42F2-A41A-EC6E32F49326}" dt="2021-10-18T09:31:20.972" v="9514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Thomas Nyman" userId="ac62be27-690b-42bb-ae39-d787d15a1823" providerId="ADAL" clId="{A112BAF0-C041-42F2-A41A-EC6E32F49326}" dt="2021-10-18T09:31:20.974" v="9515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77" v="9516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45" v="10141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Thomas Nyman" userId="ac62be27-690b-42bb-ae39-d787d15a1823" providerId="ADAL" clId="{A112BAF0-C041-42F2-A41A-EC6E32F49326}" dt="2021-10-18T09:31:20.980" v="9518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94" v="10159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A112BAF0-C041-42F2-A41A-EC6E32F49326}" dt="2021-10-18T09:31:21.049" v="9553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52" v="9554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55" v="9555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58" v="9556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Thomas Nyman" userId="ac62be27-690b-42bb-ae39-d787d15a1823" providerId="ADAL" clId="{A112BAF0-C041-42F2-A41A-EC6E32F49326}" dt="2021-10-18T09:31:21.047" v="9552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Thomas Nyman" userId="ac62be27-690b-42bb-ae39-d787d15a1823" providerId="ADAL" clId="{A112BAF0-C041-42F2-A41A-EC6E32F49326}" dt="2021-10-20T15:14:24.694" v="10159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Thomas Nyman" userId="ac62be27-690b-42bb-ae39-d787d15a1823" providerId="ADAL" clId="{A112BAF0-C041-42F2-A41A-EC6E32F49326}" dt="2021-10-18T09:31:21.061" v="9558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31" v="10078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A112BAF0-C041-42F2-A41A-EC6E32F49326}" dt="2021-10-20T15:14:24.431" v="10078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Thomas Nyman" userId="ac62be27-690b-42bb-ae39-d787d15a1823" providerId="ADAL" clId="{A112BAF0-C041-42F2-A41A-EC6E32F49326}" dt="2021-10-18T09:31:20.831" v="9427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18T09:31:21.085" v="9570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Thomas Nyman" userId="ac62be27-690b-42bb-ae39-d787d15a1823" providerId="ADAL" clId="{A112BAF0-C041-42F2-A41A-EC6E32F49326}" dt="2021-10-18T09:31:21.085" v="9570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34" v="10045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A112BAF0-C041-42F2-A41A-EC6E32F49326}" dt="2021-10-18T09:31:20.755" v="9374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Thomas Nyman" userId="ac62be27-690b-42bb-ae39-d787d15a1823" providerId="ADAL" clId="{A112BAF0-C041-42F2-A41A-EC6E32F49326}" dt="2021-10-18T09:31:20.756" v="9375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Thomas Nyman" userId="ac62be27-690b-42bb-ae39-d787d15a1823" providerId="ADAL" clId="{A112BAF0-C041-42F2-A41A-EC6E32F49326}" dt="2021-10-18T09:31:20.757" v="9376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Thomas Nyman" userId="ac62be27-690b-42bb-ae39-d787d15a1823" providerId="ADAL" clId="{A112BAF0-C041-42F2-A41A-EC6E32F49326}" dt="2021-10-20T15:14:24.334" v="10045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Thomas Nyman" userId="ac62be27-690b-42bb-ae39-d787d15a1823" providerId="ADAL" clId="{A112BAF0-C041-42F2-A41A-EC6E32F49326}" dt="2021-10-18T09:31:20.760" v="9378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Thomas Nyman" userId="ac62be27-690b-42bb-ae39-d787d15a1823" providerId="ADAL" clId="{A112BAF0-C041-42F2-A41A-EC6E32F49326}" dt="2021-10-18T09:31:20.752" v="9371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Thomas Nyman" userId="ac62be27-690b-42bb-ae39-d787d15a1823" providerId="ADAL" clId="{A112BAF0-C041-42F2-A41A-EC6E32F49326}" dt="2021-10-18T09:31:20.754" v="9373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753" v="9372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52" v="10111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A112BAF0-C041-42F2-A41A-EC6E32F49326}" dt="2021-10-18T09:31:20.888" v="9468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Thomas Nyman" userId="ac62be27-690b-42bb-ae39-d787d15a1823" providerId="ADAL" clId="{A112BAF0-C041-42F2-A41A-EC6E32F49326}" dt="2021-10-18T09:31:20.885" v="9467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Thomas Nyman" userId="ac62be27-690b-42bb-ae39-d787d15a1823" providerId="ADAL" clId="{A112BAF0-C041-42F2-A41A-EC6E32F49326}" dt="2021-10-20T15:14:24.552" v="10111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Thomas Nyman" userId="ac62be27-690b-42bb-ae39-d787d15a1823" providerId="ADAL" clId="{A112BAF0-C041-42F2-A41A-EC6E32F49326}" dt="2021-10-18T09:31:20.890" v="9470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55" v="10144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A112BAF0-C041-42F2-A41A-EC6E32F49326}" dt="2021-10-18T09:31:20.984" v="9520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88" v="9522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Thomas Nyman" userId="ac62be27-690b-42bb-ae39-d787d15a1823" providerId="ADAL" clId="{A112BAF0-C041-42F2-A41A-EC6E32F49326}" dt="2021-10-18T09:31:20.986" v="9521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55" v="10144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Thomas Nyman" userId="ac62be27-690b-42bb-ae39-d787d15a1823" providerId="ADAL" clId="{A112BAF0-C041-42F2-A41A-EC6E32F49326}" dt="2021-10-18T09:31:20.981" v="9519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Thomas Nyman" userId="ac62be27-690b-42bb-ae39-d787d15a1823" providerId="ADAL" clId="{A112BAF0-C041-42F2-A41A-EC6E32F49326}" dt="2021-10-18T09:31:20.992" v="9524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45" v="10084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A112BAF0-C041-42F2-A41A-EC6E32F49326}" dt="2021-10-18T09:31:20.835" v="9431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37" v="9432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45" v="10084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Thomas Nyman" userId="ac62be27-690b-42bb-ae39-d787d15a1823" providerId="ADAL" clId="{A112BAF0-C041-42F2-A41A-EC6E32F49326}" dt="2021-10-18T09:31:20.840" v="9434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53" v="1008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A112BAF0-C041-42F2-A41A-EC6E32F49326}" dt="2021-10-18T09:31:20.841" v="9435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42" v="9436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53" v="1008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Thomas Nyman" userId="ac62be27-690b-42bb-ae39-d787d15a1823" providerId="ADAL" clId="{A112BAF0-C041-42F2-A41A-EC6E32F49326}" dt="2021-10-18T09:31:20.845" v="9438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60" v="10090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A112BAF0-C041-42F2-A41A-EC6E32F49326}" dt="2021-10-18T09:31:20.846" v="9439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48" v="9440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60" v="10090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Thomas Nyman" userId="ac62be27-690b-42bb-ae39-d787d15a1823" providerId="ADAL" clId="{A112BAF0-C041-42F2-A41A-EC6E32F49326}" dt="2021-10-18T09:31:20.849" v="9442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68" v="10093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A112BAF0-C041-42F2-A41A-EC6E32F49326}" dt="2021-10-18T09:31:20.851" v="9443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52" v="9444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68" v="10093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Thomas Nyman" userId="ac62be27-690b-42bb-ae39-d787d15a1823" providerId="ADAL" clId="{A112BAF0-C041-42F2-A41A-EC6E32F49326}" dt="2021-10-18T09:31:20.854" v="9446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09" v="10096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A112BAF0-C041-42F2-A41A-EC6E32F49326}" dt="2021-10-18T09:31:20.855" v="9447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56" v="9448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09" v="10096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Thomas Nyman" userId="ac62be27-690b-42bb-ae39-d787d15a1823" providerId="ADAL" clId="{A112BAF0-C041-42F2-A41A-EC6E32F49326}" dt="2021-10-18T09:31:20.860" v="9450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20" v="10099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A112BAF0-C041-42F2-A41A-EC6E32F49326}" dt="2021-10-18T09:31:20.860" v="9451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62" v="9452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20" v="10099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Thomas Nyman" userId="ac62be27-690b-42bb-ae39-d787d15a1823" providerId="ADAL" clId="{A112BAF0-C041-42F2-A41A-EC6E32F49326}" dt="2021-10-18T09:31:20.864" v="9454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29" v="10102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A112BAF0-C041-42F2-A41A-EC6E32F49326}" dt="2021-10-18T09:31:20.865" v="9455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67" v="9456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29" v="10102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Thomas Nyman" userId="ac62be27-690b-42bb-ae39-d787d15a1823" providerId="ADAL" clId="{A112BAF0-C041-42F2-A41A-EC6E32F49326}" dt="2021-10-18T09:31:20.869" v="9458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18T09:31:21.087" v="9572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Thomas Nyman" userId="ac62be27-690b-42bb-ae39-d787d15a1823" providerId="ADAL" clId="{A112BAF0-C041-42F2-A41A-EC6E32F49326}" dt="2021-10-18T09:31:21.086" v="9571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Thomas Nyman" userId="ac62be27-690b-42bb-ae39-d787d15a1823" providerId="ADAL" clId="{A112BAF0-C041-42F2-A41A-EC6E32F49326}" dt="2021-10-18T09:31:21.087" v="9572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18T09:31:21.300" v="9573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Thomas Nyman" userId="ac62be27-690b-42bb-ae39-d787d15a1823" providerId="ADAL" clId="{A112BAF0-C041-42F2-A41A-EC6E32F49326}" dt="2021-10-18T09:31:21.300" v="9573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45" v="10108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A112BAF0-C041-42F2-A41A-EC6E32F49326}" dt="2021-10-18T09:31:20.880" v="9464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Thomas Nyman" userId="ac62be27-690b-42bb-ae39-d787d15a1823" providerId="ADAL" clId="{A112BAF0-C041-42F2-A41A-EC6E32F49326}" dt="2021-10-18T09:31:20.878" v="9463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45" v="10108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Thomas Nyman" userId="ac62be27-690b-42bb-ae39-d787d15a1823" providerId="ADAL" clId="{A112BAF0-C041-42F2-A41A-EC6E32F49326}" dt="2021-10-18T09:31:20.883" v="9466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  <pc:sldLayoutChg chg="del">
          <pc:chgData name="Thomas Nyman" userId="ac62be27-690b-42bb-ae39-d787d15a1823" providerId="ADAL" clId="{A112BAF0-C041-42F2-A41A-EC6E32F49326}" dt="2021-10-05T10:24:24.496" v="768" actId="47"/>
          <pc:sldLayoutMkLst>
            <pc:docMk/>
            <pc:sldMasterMk cId="2523064765" sldId="2147483660"/>
            <pc:sldLayoutMk cId="469715824" sldId="2147483707"/>
          </pc:sldLayoutMkLst>
        </pc:sldLayoutChg>
        <pc:sldLayoutChg chg="del">
          <pc:chgData name="Thomas Nyman" userId="ac62be27-690b-42bb-ae39-d787d15a1823" providerId="ADAL" clId="{A112BAF0-C041-42F2-A41A-EC6E32F49326}" dt="2021-10-08T16:53:22.926" v="4355" actId="47"/>
          <pc:sldLayoutMkLst>
            <pc:docMk/>
            <pc:sldMasterMk cId="2523064765" sldId="2147483660"/>
            <pc:sldLayoutMk cId="3281557491" sldId="2147483707"/>
          </pc:sldLayoutMkLst>
        </pc:sldLayoutChg>
      </pc:sldMasterChg>
    </pc:docChg>
  </pc:docChgLst>
  <pc:docChgLst>
    <pc:chgData name="Merve Gülmez" userId="3594cd17-5953-4511-8d53-8cfc799250e7" providerId="ADAL" clId="{C8BF6973-46E5-49E4-A00E-0CE605532C28}"/>
    <pc:docChg chg="custSel delSld modSld modMainMaster">
      <pc:chgData name="Merve Gülmez" userId="3594cd17-5953-4511-8d53-8cfc799250e7" providerId="ADAL" clId="{C8BF6973-46E5-49E4-A00E-0CE605532C28}" dt="2023-08-21T11:26:25.044" v="496" actId="20577"/>
      <pc:docMkLst>
        <pc:docMk/>
      </pc:docMkLst>
      <pc:sldChg chg="modNotesTx">
        <pc:chgData name="Merve Gülmez" userId="3594cd17-5953-4511-8d53-8cfc799250e7" providerId="ADAL" clId="{C8BF6973-46E5-49E4-A00E-0CE605532C28}" dt="2023-08-11T09:50:33.615" v="328" actId="20577"/>
        <pc:sldMkLst>
          <pc:docMk/>
          <pc:sldMk cId="2291861504" sldId="531"/>
        </pc:sldMkLst>
      </pc:sldChg>
      <pc:sldChg chg="modNotesTx">
        <pc:chgData name="Merve Gülmez" userId="3594cd17-5953-4511-8d53-8cfc799250e7" providerId="ADAL" clId="{C8BF6973-46E5-49E4-A00E-0CE605532C28}" dt="2023-08-11T09:50:49.017" v="331" actId="20577"/>
        <pc:sldMkLst>
          <pc:docMk/>
          <pc:sldMk cId="2411121823" sldId="533"/>
        </pc:sldMkLst>
      </pc:sldChg>
      <pc:sldChg chg="modNotesTx">
        <pc:chgData name="Merve Gülmez" userId="3594cd17-5953-4511-8d53-8cfc799250e7" providerId="ADAL" clId="{C8BF6973-46E5-49E4-A00E-0CE605532C28}" dt="2023-08-11T09:50:45.794" v="330" actId="20577"/>
        <pc:sldMkLst>
          <pc:docMk/>
          <pc:sldMk cId="1598766672" sldId="540"/>
        </pc:sldMkLst>
      </pc:sldChg>
      <pc:sldChg chg="del">
        <pc:chgData name="Merve Gülmez" userId="3594cd17-5953-4511-8d53-8cfc799250e7" providerId="ADAL" clId="{C8BF6973-46E5-49E4-A00E-0CE605532C28}" dt="2023-08-11T09:50:59.102" v="332" actId="47"/>
        <pc:sldMkLst>
          <pc:docMk/>
          <pc:sldMk cId="2343135138" sldId="564"/>
        </pc:sldMkLst>
      </pc:sldChg>
      <pc:sldChg chg="modNotesTx">
        <pc:chgData name="Merve Gülmez" userId="3594cd17-5953-4511-8d53-8cfc799250e7" providerId="ADAL" clId="{C8BF6973-46E5-49E4-A00E-0CE605532C28}" dt="2023-08-11T09:50:36.110" v="329" actId="20577"/>
        <pc:sldMkLst>
          <pc:docMk/>
          <pc:sldMk cId="1289849602" sldId="577"/>
        </pc:sldMkLst>
      </pc:sldChg>
      <pc:sldMasterChg chg="modSldLayout">
        <pc:chgData name="Merve Gülmez" userId="3594cd17-5953-4511-8d53-8cfc799250e7" providerId="ADAL" clId="{C8BF6973-46E5-49E4-A00E-0CE605532C28}" dt="2023-08-21T11:26:25.044" v="496" actId="20577"/>
        <pc:sldMasterMkLst>
          <pc:docMk/>
          <pc:sldMasterMk cId="2523064765" sldId="2147483660"/>
        </pc:sldMasterMkLst>
        <pc:sldLayoutChg chg="modSp mod">
          <pc:chgData name="Merve Gülmez" userId="3594cd17-5953-4511-8d53-8cfc799250e7" providerId="ADAL" clId="{C8BF6973-46E5-49E4-A00E-0CE605532C28}" dt="2023-08-21T11:26:24.798" v="336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Gülmez" userId="3594cd17-5953-4511-8d53-8cfc799250e7" providerId="ADAL" clId="{C8BF6973-46E5-49E4-A00E-0CE605532C28}" dt="2023-08-21T11:26:24.798" v="336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14" v="344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Gülmez" userId="3594cd17-5953-4511-8d53-8cfc799250e7" providerId="ADAL" clId="{C8BF6973-46E5-49E4-A00E-0CE605532C28}" dt="2023-08-21T11:26:24.814" v="344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19" v="348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Gülmez" userId="3594cd17-5953-4511-8d53-8cfc799250e7" providerId="ADAL" clId="{C8BF6973-46E5-49E4-A00E-0CE605532C28}" dt="2023-08-21T11:26:24.819" v="348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32" v="352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Gülmez" userId="3594cd17-5953-4511-8d53-8cfc799250e7" providerId="ADAL" clId="{C8BF6973-46E5-49E4-A00E-0CE605532C28}" dt="2023-08-21T11:26:24.832" v="352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39" v="356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Gülmez" userId="3594cd17-5953-4511-8d53-8cfc799250e7" providerId="ADAL" clId="{C8BF6973-46E5-49E4-A00E-0CE605532C28}" dt="2023-08-21T11:26:24.839" v="356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43" v="360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Gülmez" userId="3594cd17-5953-4511-8d53-8cfc799250e7" providerId="ADAL" clId="{C8BF6973-46E5-49E4-A00E-0CE605532C28}" dt="2023-08-21T11:26:24.843" v="360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43" v="364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Gülmez" userId="3594cd17-5953-4511-8d53-8cfc799250e7" providerId="ADAL" clId="{C8BF6973-46E5-49E4-A00E-0CE605532C28}" dt="2023-08-21T11:26:24.843" v="364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43" v="368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Gülmez" userId="3594cd17-5953-4511-8d53-8cfc799250e7" providerId="ADAL" clId="{C8BF6973-46E5-49E4-A00E-0CE605532C28}" dt="2023-08-21T11:26:24.843" v="368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64" v="372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Gülmez" userId="3594cd17-5953-4511-8d53-8cfc799250e7" providerId="ADAL" clId="{C8BF6973-46E5-49E4-A00E-0CE605532C28}" dt="2023-08-21T11:26:24.864" v="372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64" v="376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Gülmez" userId="3594cd17-5953-4511-8d53-8cfc799250e7" providerId="ADAL" clId="{C8BF6973-46E5-49E4-A00E-0CE605532C28}" dt="2023-08-21T11:26:24.864" v="376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64" v="380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Gülmez" userId="3594cd17-5953-4511-8d53-8cfc799250e7" providerId="ADAL" clId="{C8BF6973-46E5-49E4-A00E-0CE605532C28}" dt="2023-08-21T11:26:24.864" v="380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78" v="388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Gülmez" userId="3594cd17-5953-4511-8d53-8cfc799250e7" providerId="ADAL" clId="{C8BF6973-46E5-49E4-A00E-0CE605532C28}" dt="2023-08-21T11:26:24.878" v="388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28" v="420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Gülmez" userId="3594cd17-5953-4511-8d53-8cfc799250e7" providerId="ADAL" clId="{C8BF6973-46E5-49E4-A00E-0CE605532C28}" dt="2023-08-21T11:26:24.928" v="420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64" v="448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Gülmez" userId="3594cd17-5953-4511-8d53-8cfc799250e7" providerId="ADAL" clId="{C8BF6973-46E5-49E4-A00E-0CE605532C28}" dt="2023-08-21T11:26:24.964" v="448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82" v="452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Gülmez" userId="3594cd17-5953-4511-8d53-8cfc799250e7" providerId="ADAL" clId="{C8BF6973-46E5-49E4-A00E-0CE605532C28}" dt="2023-08-21T11:26:24.982" v="452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15" v="476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Gülmez" userId="3594cd17-5953-4511-8d53-8cfc799250e7" providerId="ADAL" clId="{C8BF6973-46E5-49E4-A00E-0CE605532C28}" dt="2023-08-21T11:26:25.015" v="476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15" v="480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Gülmez" userId="3594cd17-5953-4511-8d53-8cfc799250e7" providerId="ADAL" clId="{C8BF6973-46E5-49E4-A00E-0CE605532C28}" dt="2023-08-21T11:26:25.015" v="480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27" v="484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Gülmez" userId="3594cd17-5953-4511-8d53-8cfc799250e7" providerId="ADAL" clId="{C8BF6973-46E5-49E4-A00E-0CE605532C28}" dt="2023-08-21T11:26:25.027" v="484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27" v="488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Gülmez" userId="3594cd17-5953-4511-8d53-8cfc799250e7" providerId="ADAL" clId="{C8BF6973-46E5-49E4-A00E-0CE605532C28}" dt="2023-08-21T11:26:25.027" v="488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44" v="496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Gülmez" userId="3594cd17-5953-4511-8d53-8cfc799250e7" providerId="ADAL" clId="{C8BF6973-46E5-49E4-A00E-0CE605532C28}" dt="2023-08-21T11:26:25.044" v="496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49" v="432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Gülmez" userId="3594cd17-5953-4511-8d53-8cfc799250e7" providerId="ADAL" clId="{C8BF6973-46E5-49E4-A00E-0CE605532C28}" dt="2023-08-21T11:26:24.949" v="432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49" v="436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Gülmez" userId="3594cd17-5953-4511-8d53-8cfc799250e7" providerId="ADAL" clId="{C8BF6973-46E5-49E4-A00E-0CE605532C28}" dt="2023-08-21T11:26:24.949" v="436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64" v="440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Gülmez" userId="3594cd17-5953-4511-8d53-8cfc799250e7" providerId="ADAL" clId="{C8BF6973-46E5-49E4-A00E-0CE605532C28}" dt="2023-08-21T11:26:24.964" v="440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64" v="444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Gülmez" userId="3594cd17-5953-4511-8d53-8cfc799250e7" providerId="ADAL" clId="{C8BF6973-46E5-49E4-A00E-0CE605532C28}" dt="2023-08-21T11:26:24.964" v="444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82" v="456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Gülmez" userId="3594cd17-5953-4511-8d53-8cfc799250e7" providerId="ADAL" clId="{C8BF6973-46E5-49E4-A00E-0CE605532C28}" dt="2023-08-21T11:26:24.982" v="456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82" v="460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Gülmez" userId="3594cd17-5953-4511-8d53-8cfc799250e7" providerId="ADAL" clId="{C8BF6973-46E5-49E4-A00E-0CE605532C28}" dt="2023-08-21T11:26:24.982" v="460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98" v="464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Gülmez" userId="3594cd17-5953-4511-8d53-8cfc799250e7" providerId="ADAL" clId="{C8BF6973-46E5-49E4-A00E-0CE605532C28}" dt="2023-08-21T11:26:24.998" v="464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98" v="468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Gülmez" userId="3594cd17-5953-4511-8d53-8cfc799250e7" providerId="ADAL" clId="{C8BF6973-46E5-49E4-A00E-0CE605532C28}" dt="2023-08-21T11:26:24.998" v="468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27" v="492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Gülmez" userId="3594cd17-5953-4511-8d53-8cfc799250e7" providerId="ADAL" clId="{C8BF6973-46E5-49E4-A00E-0CE605532C28}" dt="2023-08-21T11:26:25.027" v="492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78" v="384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Gülmez" userId="3594cd17-5953-4511-8d53-8cfc799250e7" providerId="ADAL" clId="{C8BF6973-46E5-49E4-A00E-0CE605532C28}" dt="2023-08-21T11:26:24.878" v="384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798" v="340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Gülmez" userId="3594cd17-5953-4511-8d53-8cfc799250e7" providerId="ADAL" clId="{C8BF6973-46E5-49E4-A00E-0CE605532C28}" dt="2023-08-21T11:26:24.798" v="340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49" v="428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Gülmez" userId="3594cd17-5953-4511-8d53-8cfc799250e7" providerId="ADAL" clId="{C8BF6973-46E5-49E4-A00E-0CE605532C28}" dt="2023-08-21T11:26:24.949" v="428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12" v="472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Gülmez" userId="3594cd17-5953-4511-8d53-8cfc799250e7" providerId="ADAL" clId="{C8BF6973-46E5-49E4-A00E-0CE605532C28}" dt="2023-08-21T11:26:25.012" v="472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78" v="392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Gülmez" userId="3594cd17-5953-4511-8d53-8cfc799250e7" providerId="ADAL" clId="{C8BF6973-46E5-49E4-A00E-0CE605532C28}" dt="2023-08-21T11:26:24.878" v="392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93" v="396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Gülmez" userId="3594cd17-5953-4511-8d53-8cfc799250e7" providerId="ADAL" clId="{C8BF6973-46E5-49E4-A00E-0CE605532C28}" dt="2023-08-21T11:26:24.893" v="396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93" v="400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Gülmez" userId="3594cd17-5953-4511-8d53-8cfc799250e7" providerId="ADAL" clId="{C8BF6973-46E5-49E4-A00E-0CE605532C28}" dt="2023-08-21T11:26:24.893" v="400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09" v="404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Gülmez" userId="3594cd17-5953-4511-8d53-8cfc799250e7" providerId="ADAL" clId="{C8BF6973-46E5-49E4-A00E-0CE605532C28}" dt="2023-08-21T11:26:24.909" v="404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10" v="408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Gülmez" userId="3594cd17-5953-4511-8d53-8cfc799250e7" providerId="ADAL" clId="{C8BF6973-46E5-49E4-A00E-0CE605532C28}" dt="2023-08-21T11:26:24.910" v="408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28" v="412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Gülmez" userId="3594cd17-5953-4511-8d53-8cfc799250e7" providerId="ADAL" clId="{C8BF6973-46E5-49E4-A00E-0CE605532C28}" dt="2023-08-21T11:26:24.928" v="412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28" v="416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Gülmez" userId="3594cd17-5953-4511-8d53-8cfc799250e7" providerId="ADAL" clId="{C8BF6973-46E5-49E4-A00E-0CE605532C28}" dt="2023-08-21T11:26:24.928" v="416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45" v="424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Gülmez" userId="3594cd17-5953-4511-8d53-8cfc799250e7" providerId="ADAL" clId="{C8BF6973-46E5-49E4-A00E-0CE605532C28}" dt="2023-08-21T11:26:24.945" v="424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EE3DE4F8-AB63-4030-B104-95A1F260A198}"/>
    <pc:docChg chg="undo custSel modSld modMainMaster">
      <pc:chgData name="Merve Turhan" userId="3594cd17-5953-4511-8d53-8cfc799250e7" providerId="ADAL" clId="{EE3DE4F8-AB63-4030-B104-95A1F260A198}" dt="2022-01-16T15:14:48.066" v="329" actId="20577"/>
      <pc:docMkLst>
        <pc:docMk/>
      </pc:docMkLst>
      <pc:sldChg chg="modSp mod">
        <pc:chgData name="Merve Turhan" userId="3594cd17-5953-4511-8d53-8cfc799250e7" providerId="ADAL" clId="{EE3DE4F8-AB63-4030-B104-95A1F260A198}" dt="2022-01-16T15:14:47.615" v="247" actId="15"/>
        <pc:sldMkLst>
          <pc:docMk/>
          <pc:sldMk cId="2674755033" sldId="498"/>
        </pc:sldMkLst>
        <pc:spChg chg="mod">
          <ac:chgData name="Merve Turhan" userId="3594cd17-5953-4511-8d53-8cfc799250e7" providerId="ADAL" clId="{EE3DE4F8-AB63-4030-B104-95A1F260A198}" dt="2022-01-16T15:14:47.615" v="247" actId="15"/>
          <ac:spMkLst>
            <pc:docMk/>
            <pc:sldMk cId="2674755033" sldId="498"/>
            <ac:spMk id="3" creationId="{0725F03B-7FF5-4B82-84E1-122CEE6079CC}"/>
          </ac:spMkLst>
        </pc:spChg>
      </pc:sldChg>
      <pc:sldMasterChg chg="modSldLayout">
        <pc:chgData name="Merve Turhan" userId="3594cd17-5953-4511-8d53-8cfc799250e7" providerId="ADAL" clId="{EE3DE4F8-AB63-4030-B104-95A1F260A198}" dt="2022-01-16T15:14:48.066" v="329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EE3DE4F8-AB63-4030-B104-95A1F260A198}" dt="2022-01-16T15:14:48.066" v="329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EE3DE4F8-AB63-4030-B104-95A1F260A198}" dt="2022-01-16T15:14:48.066" v="329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60" v="325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EE3DE4F8-AB63-4030-B104-95A1F260A198}" dt="2022-01-16T15:14:48.060" v="325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54" v="323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EE3DE4F8-AB63-4030-B104-95A1F260A198}" dt="2022-01-16T15:14:48.054" v="323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51" v="321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EE3DE4F8-AB63-4030-B104-95A1F260A198}" dt="2022-01-16T15:14:48.051" v="321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48" v="319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EE3DE4F8-AB63-4030-B104-95A1F260A198}" dt="2022-01-16T15:14:48.048" v="319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45" v="31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EE3DE4F8-AB63-4030-B104-95A1F260A198}" dt="2022-01-16T15:14:48.045" v="31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42" v="315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EE3DE4F8-AB63-4030-B104-95A1F260A198}" dt="2022-01-16T15:14:48.042" v="315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40" v="313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EE3DE4F8-AB63-4030-B104-95A1F260A198}" dt="2022-01-16T15:14:48.040" v="313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35" v="311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EE3DE4F8-AB63-4030-B104-95A1F260A198}" dt="2022-01-16T15:14:48.035" v="311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29" v="309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EE3DE4F8-AB63-4030-B104-95A1F260A198}" dt="2022-01-16T15:14:48.029" v="309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25" v="30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EE3DE4F8-AB63-4030-B104-95A1F260A198}" dt="2022-01-16T15:14:48.025" v="30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17" v="303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EE3DE4F8-AB63-4030-B104-95A1F260A198}" dt="2022-01-16T15:14:48.017" v="303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91" v="2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EE3DE4F8-AB63-4030-B104-95A1F260A198}" dt="2022-01-16T15:14:47.991" v="2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59" v="27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EE3DE4F8-AB63-4030-B104-95A1F260A198}" dt="2022-01-16T15:14:47.959" v="27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57" v="271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EE3DE4F8-AB63-4030-B104-95A1F260A198}" dt="2022-01-16T15:14:47.957" v="271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36" v="259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EE3DE4F8-AB63-4030-B104-95A1F260A198}" dt="2022-01-16T15:14:47.936" v="259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33" v="25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EE3DE4F8-AB63-4030-B104-95A1F260A198}" dt="2022-01-16T15:14:47.933" v="25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30" v="255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EE3DE4F8-AB63-4030-B104-95A1F260A198}" dt="2022-01-16T15:14:47.930" v="255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27" v="253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EE3DE4F8-AB63-4030-B104-95A1F260A198}" dt="2022-01-16T15:14:47.927" v="253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22" v="249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EE3DE4F8-AB63-4030-B104-95A1F260A198}" dt="2022-01-16T15:14:47.922" v="249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81" v="281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EE3DE4F8-AB63-4030-B104-95A1F260A198}" dt="2022-01-16T15:14:47.981" v="281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77" v="279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EE3DE4F8-AB63-4030-B104-95A1F260A198}" dt="2022-01-16T15:14:47.977" v="279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70" v="27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EE3DE4F8-AB63-4030-B104-95A1F260A198}" dt="2022-01-16T15:14:47.970" v="27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64" v="275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EE3DE4F8-AB63-4030-B104-95A1F260A198}" dt="2022-01-16T15:14:47.964" v="275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52" v="269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EE3DE4F8-AB63-4030-B104-95A1F260A198}" dt="2022-01-16T15:14:47.952" v="269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48" v="26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EE3DE4F8-AB63-4030-B104-95A1F260A198}" dt="2022-01-16T15:14:47.948" v="26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44" v="265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EE3DE4F8-AB63-4030-B104-95A1F260A198}" dt="2022-01-16T15:14:47.944" v="265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42" v="263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EE3DE4F8-AB63-4030-B104-95A1F260A198}" dt="2022-01-16T15:14:47.942" v="263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24" v="251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EE3DE4F8-AB63-4030-B104-95A1F260A198}" dt="2022-01-16T15:14:47.924" v="251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20" v="305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EE3DE4F8-AB63-4030-B104-95A1F260A198}" dt="2022-01-16T15:14:48.020" v="305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63" v="32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EE3DE4F8-AB63-4030-B104-95A1F260A198}" dt="2022-01-16T15:14:48.063" v="32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85" v="28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EE3DE4F8-AB63-4030-B104-95A1F260A198}" dt="2022-01-16T15:14:47.985" v="28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39" v="261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EE3DE4F8-AB63-4030-B104-95A1F260A198}" dt="2022-01-16T15:14:47.939" v="261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13" v="301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EE3DE4F8-AB63-4030-B104-95A1F260A198}" dt="2022-01-16T15:14:48.013" v="301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10" v="299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EE3DE4F8-AB63-4030-B104-95A1F260A198}" dt="2022-01-16T15:14:48.010" v="299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06" v="29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EE3DE4F8-AB63-4030-B104-95A1F260A198}" dt="2022-01-16T15:14:48.006" v="29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03" v="295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EE3DE4F8-AB63-4030-B104-95A1F260A198}" dt="2022-01-16T15:14:48.003" v="295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01" v="293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EE3DE4F8-AB63-4030-B104-95A1F260A198}" dt="2022-01-16T15:14:48.001" v="293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97" v="291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EE3DE4F8-AB63-4030-B104-95A1F260A198}" dt="2022-01-16T15:14:47.997" v="291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94" v="289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EE3DE4F8-AB63-4030-B104-95A1F260A198}" dt="2022-01-16T15:14:47.994" v="289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88" v="285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EE3DE4F8-AB63-4030-B104-95A1F260A198}" dt="2022-01-16T15:14:47.988" v="285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7610C3AD-6B7F-4CC6-8114-595B41BA44B5}"/>
    <pc:docChg chg="custSel modMainMaster">
      <pc:chgData name="Merve Turhan" userId="3594cd17-5953-4511-8d53-8cfc799250e7" providerId="ADAL" clId="{7610C3AD-6B7F-4CC6-8114-595B41BA44B5}" dt="2021-12-15T13:20:42.812" v="245"/>
      <pc:docMkLst>
        <pc:docMk/>
      </pc:docMkLst>
      <pc:sldMasterChg chg="modSldLayout">
        <pc:chgData name="Merve Turhan" userId="3594cd17-5953-4511-8d53-8cfc799250e7" providerId="ADAL" clId="{7610C3AD-6B7F-4CC6-8114-595B41BA44B5}" dt="2021-12-15T13:20:42.812" v="245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7610C3AD-6B7F-4CC6-8114-595B41BA44B5}" dt="2021-12-15T13:20:42.194" v="125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7610C3AD-6B7F-4CC6-8114-595B41BA44B5}" dt="2021-12-15T13:20:42.194" v="125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32" v="131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7610C3AD-6B7F-4CC6-8114-595B41BA44B5}" dt="2021-12-15T13:20:42.232" v="131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47" v="134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7610C3AD-6B7F-4CC6-8114-595B41BA44B5}" dt="2021-12-15T13:20:42.247" v="134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65" v="13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7610C3AD-6B7F-4CC6-8114-595B41BA44B5}" dt="2021-12-15T13:20:42.265" v="13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83" v="140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7610C3AD-6B7F-4CC6-8114-595B41BA44B5}" dt="2021-12-15T13:20:42.283" v="140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301" v="143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7610C3AD-6B7F-4CC6-8114-595B41BA44B5}" dt="2021-12-15T13:20:42.301" v="143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318" v="146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7610C3AD-6B7F-4CC6-8114-595B41BA44B5}" dt="2021-12-15T13:20:42.318" v="146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335" v="149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7610C3AD-6B7F-4CC6-8114-595B41BA44B5}" dt="2021-12-15T13:20:42.335" v="149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394" v="152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7610C3AD-6B7F-4CC6-8114-595B41BA44B5}" dt="2021-12-15T13:20:42.394" v="152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10" v="155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7610C3AD-6B7F-4CC6-8114-595B41BA44B5}" dt="2021-12-15T13:20:42.410" v="155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24" v="158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7610C3AD-6B7F-4CC6-8114-595B41BA44B5}" dt="2021-12-15T13:20:42.424" v="158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53" v="164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7610C3AD-6B7F-4CC6-8114-595B41BA44B5}" dt="2021-12-15T13:20:42.453" v="164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69" v="188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7610C3AD-6B7F-4CC6-8114-595B41BA44B5}" dt="2021-12-15T13:20:42.569" v="188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57" v="209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7610C3AD-6B7F-4CC6-8114-595B41BA44B5}" dt="2021-12-15T13:20:42.657" v="209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71" v="212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7610C3AD-6B7F-4CC6-8114-595B41BA44B5}" dt="2021-12-15T13:20:42.671" v="212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46" v="230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7610C3AD-6B7F-4CC6-8114-595B41BA44B5}" dt="2021-12-15T13:20:42.746" v="230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59" v="233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7610C3AD-6B7F-4CC6-8114-595B41BA44B5}" dt="2021-12-15T13:20:42.759" v="233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72" v="236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7610C3AD-6B7F-4CC6-8114-595B41BA44B5}" dt="2021-12-15T13:20:42.772" v="236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84" v="239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7610C3AD-6B7F-4CC6-8114-595B41BA44B5}" dt="2021-12-15T13:20:42.784" v="239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812" v="245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7610C3AD-6B7F-4CC6-8114-595B41BA44B5}" dt="2021-12-15T13:20:42.812" v="245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12" v="19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7610C3AD-6B7F-4CC6-8114-595B41BA44B5}" dt="2021-12-15T13:20:42.612" v="19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22" v="200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7610C3AD-6B7F-4CC6-8114-595B41BA44B5}" dt="2021-12-15T13:20:42.622" v="200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33" v="203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7610C3AD-6B7F-4CC6-8114-595B41BA44B5}" dt="2021-12-15T13:20:42.633" v="203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46" v="206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7610C3AD-6B7F-4CC6-8114-595B41BA44B5}" dt="2021-12-15T13:20:42.646" v="206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83" v="215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7610C3AD-6B7F-4CC6-8114-595B41BA44B5}" dt="2021-12-15T13:20:42.683" v="215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93" v="218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7610C3AD-6B7F-4CC6-8114-595B41BA44B5}" dt="2021-12-15T13:20:42.693" v="218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07" v="221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7610C3AD-6B7F-4CC6-8114-595B41BA44B5}" dt="2021-12-15T13:20:42.707" v="221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19" v="224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7610C3AD-6B7F-4CC6-8114-595B41BA44B5}" dt="2021-12-15T13:20:42.719" v="224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99" v="242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7610C3AD-6B7F-4CC6-8114-595B41BA44B5}" dt="2021-12-15T13:20:42.799" v="242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39" v="161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7610C3AD-6B7F-4CC6-8114-595B41BA44B5}" dt="2021-12-15T13:20:42.439" v="161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15" v="128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7610C3AD-6B7F-4CC6-8114-595B41BA44B5}" dt="2021-12-15T13:20:42.215" v="128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97" v="194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7610C3AD-6B7F-4CC6-8114-595B41BA44B5}" dt="2021-12-15T13:20:42.597" v="194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29" v="22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7610C3AD-6B7F-4CC6-8114-595B41BA44B5}" dt="2021-12-15T13:20:42.729" v="22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70" v="16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7610C3AD-6B7F-4CC6-8114-595B41BA44B5}" dt="2021-12-15T13:20:42.470" v="16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89" v="170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7610C3AD-6B7F-4CC6-8114-595B41BA44B5}" dt="2021-12-15T13:20:42.489" v="170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03" v="173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7610C3AD-6B7F-4CC6-8114-595B41BA44B5}" dt="2021-12-15T13:20:42.503" v="173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15" v="176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7610C3AD-6B7F-4CC6-8114-595B41BA44B5}" dt="2021-12-15T13:20:42.515" v="176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29" v="179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7610C3AD-6B7F-4CC6-8114-595B41BA44B5}" dt="2021-12-15T13:20:42.529" v="179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41" v="182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7610C3AD-6B7F-4CC6-8114-595B41BA44B5}" dt="2021-12-15T13:20:42.541" v="182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54" v="185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7610C3AD-6B7F-4CC6-8114-595B41BA44B5}" dt="2021-12-15T13:20:42.554" v="185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82" v="191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7610C3AD-6B7F-4CC6-8114-595B41BA44B5}" dt="2021-12-15T13:20:42.582" v="191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62B45B21-8CAF-4434-97F4-76A23BC920DD}"/>
    <pc:docChg chg="undo redo custSel addSld delSld modSld sldOrd modMainMaster">
      <pc:chgData name="Merve Turhan" userId="3594cd17-5953-4511-8d53-8cfc799250e7" providerId="ADAL" clId="{62B45B21-8CAF-4434-97F4-76A23BC920DD}" dt="2021-11-14T11:22:32.588" v="6286" actId="1076"/>
      <pc:docMkLst>
        <pc:docMk/>
      </pc:docMkLst>
      <pc:sldChg chg="modSp mod">
        <pc:chgData name="Merve Turhan" userId="3594cd17-5953-4511-8d53-8cfc799250e7" providerId="ADAL" clId="{62B45B21-8CAF-4434-97F4-76A23BC920DD}" dt="2021-10-05T02:28:49.768" v="808" actId="790"/>
        <pc:sldMkLst>
          <pc:docMk/>
          <pc:sldMk cId="1383928708" sldId="261"/>
        </pc:sldMkLst>
        <pc:spChg chg="mod">
          <ac:chgData name="Merve Turhan" userId="3594cd17-5953-4511-8d53-8cfc799250e7" providerId="ADAL" clId="{62B45B21-8CAF-4434-97F4-76A23BC920DD}" dt="2021-10-05T02:28:49.768" v="808" actId="790"/>
          <ac:spMkLst>
            <pc:docMk/>
            <pc:sldMk cId="1383928708" sldId="261"/>
            <ac:spMk id="4" creationId="{6FF69E04-8523-4965-90ED-73D4F9BAE271}"/>
          </ac:spMkLst>
        </pc:spChg>
      </pc:sldChg>
      <pc:sldChg chg="modSp del mod addCm modCm">
        <pc:chgData name="Merve Turhan" userId="3594cd17-5953-4511-8d53-8cfc799250e7" providerId="ADAL" clId="{62B45B21-8CAF-4434-97F4-76A23BC920DD}" dt="2021-10-13T20:47:24.482" v="3084" actId="47"/>
        <pc:sldMkLst>
          <pc:docMk/>
          <pc:sldMk cId="3709959988" sldId="270"/>
        </pc:sldMkLst>
        <pc:spChg chg="mod">
          <ac:chgData name="Merve Turhan" userId="3594cd17-5953-4511-8d53-8cfc799250e7" providerId="ADAL" clId="{62B45B21-8CAF-4434-97F4-76A23BC920DD}" dt="2021-10-12T16:23:06.426" v="2921" actId="20577"/>
          <ac:spMkLst>
            <pc:docMk/>
            <pc:sldMk cId="3709959988" sldId="270"/>
            <ac:spMk id="4" creationId="{EA7D4468-58D5-40D1-8182-8FDBCEF777E1}"/>
          </ac:spMkLst>
        </pc:spChg>
        <pc:spChg chg="mod">
          <ac:chgData name="Merve Turhan" userId="3594cd17-5953-4511-8d53-8cfc799250e7" providerId="ADAL" clId="{62B45B21-8CAF-4434-97F4-76A23BC920DD}" dt="2021-10-05T02:28:49.645" v="677" actId="790"/>
          <ac:spMkLst>
            <pc:docMk/>
            <pc:sldMk cId="3709959988" sldId="270"/>
            <ac:spMk id="5" creationId="{393A08AF-E8DD-44C5-A85C-B1192DD283A4}"/>
          </ac:spMkLst>
        </pc:spChg>
        <pc:spChg chg="mod">
          <ac:chgData name="Merve Turhan" userId="3594cd17-5953-4511-8d53-8cfc799250e7" providerId="ADAL" clId="{62B45B21-8CAF-4434-97F4-76A23BC920DD}" dt="2021-10-05T02:28:49.646" v="678" actId="790"/>
          <ac:spMkLst>
            <pc:docMk/>
            <pc:sldMk cId="3709959988" sldId="270"/>
            <ac:spMk id="6" creationId="{56AFC71C-F7A5-47C7-AC2C-FD58718975AF}"/>
          </ac:spMkLst>
        </pc:spChg>
        <pc:spChg chg="mod">
          <ac:chgData name="Merve Turhan" userId="3594cd17-5953-4511-8d53-8cfc799250e7" providerId="ADAL" clId="{62B45B21-8CAF-4434-97F4-76A23BC920DD}" dt="2021-10-05T06:33:55.599" v="1372" actId="1076"/>
          <ac:spMkLst>
            <pc:docMk/>
            <pc:sldMk cId="3709959988" sldId="270"/>
            <ac:spMk id="8" creationId="{DF911936-019F-4A93-A91F-CF8FDFB8FDEE}"/>
          </ac:spMkLst>
        </pc:spChg>
        <pc:spChg chg="mod">
          <ac:chgData name="Merve Turhan" userId="3594cd17-5953-4511-8d53-8cfc799250e7" providerId="ADAL" clId="{62B45B21-8CAF-4434-97F4-76A23BC920DD}" dt="2021-10-05T16:02:47.337" v="2044" actId="2711"/>
          <ac:spMkLst>
            <pc:docMk/>
            <pc:sldMk cId="3709959988" sldId="270"/>
            <ac:spMk id="10" creationId="{41CDB770-D719-40A3-82BD-F2787BAF8C40}"/>
          </ac:spMkLst>
        </pc:spChg>
        <pc:spChg chg="mod">
          <ac:chgData name="Merve Turhan" userId="3594cd17-5953-4511-8d53-8cfc799250e7" providerId="ADAL" clId="{62B45B21-8CAF-4434-97F4-76A23BC920DD}" dt="2021-10-05T02:28:49.648" v="681" actId="790"/>
          <ac:spMkLst>
            <pc:docMk/>
            <pc:sldMk cId="3709959988" sldId="270"/>
            <ac:spMk id="11" creationId="{E6D1E66D-7E35-4037-A967-BD046D6E642F}"/>
          </ac:spMkLst>
        </pc:spChg>
        <pc:spChg chg="mod">
          <ac:chgData name="Merve Turhan" userId="3594cd17-5953-4511-8d53-8cfc799250e7" providerId="ADAL" clId="{62B45B21-8CAF-4434-97F4-76A23BC920DD}" dt="2021-10-05T02:28:49.649" v="682" actId="790"/>
          <ac:spMkLst>
            <pc:docMk/>
            <pc:sldMk cId="3709959988" sldId="270"/>
            <ac:spMk id="12" creationId="{2104418B-B405-4546-961F-441684FDDF4D}"/>
          </ac:spMkLst>
        </pc:spChg>
        <pc:spChg chg="mod">
          <ac:chgData name="Merve Turhan" userId="3594cd17-5953-4511-8d53-8cfc799250e7" providerId="ADAL" clId="{62B45B21-8CAF-4434-97F4-76A23BC920DD}" dt="2021-10-05T02:28:49.650" v="683" actId="790"/>
          <ac:spMkLst>
            <pc:docMk/>
            <pc:sldMk cId="3709959988" sldId="270"/>
            <ac:spMk id="13" creationId="{77302FF2-BC11-4E2F-A8A8-00912EC3652F}"/>
          </ac:spMkLst>
        </pc:spChg>
        <pc:spChg chg="mod">
          <ac:chgData name="Merve Turhan" userId="3594cd17-5953-4511-8d53-8cfc799250e7" providerId="ADAL" clId="{62B45B21-8CAF-4434-97F4-76A23BC920DD}" dt="2021-10-05T06:33:55.599" v="1372" actId="1076"/>
          <ac:spMkLst>
            <pc:docMk/>
            <pc:sldMk cId="3709959988" sldId="270"/>
            <ac:spMk id="17" creationId="{4DFAB45A-D03A-40E2-9450-67DA4438FFA4}"/>
          </ac:spMkLst>
        </pc:spChg>
        <pc:grpChg chg="mod">
          <ac:chgData name="Merve Turhan" userId="3594cd17-5953-4511-8d53-8cfc799250e7" providerId="ADAL" clId="{62B45B21-8CAF-4434-97F4-76A23BC920DD}" dt="2021-10-05T06:33:55.599" v="1372" actId="1076"/>
          <ac:grpSpMkLst>
            <pc:docMk/>
            <pc:sldMk cId="3709959988" sldId="270"/>
            <ac:grpSpMk id="9" creationId="{6EE8BAB1-9F28-4D1F-B6DD-0D127D9DB75B}"/>
          </ac:grpSpMkLst>
        </pc:grpChg>
      </pc:sldChg>
      <pc:sldChg chg="modSp mod">
        <pc:chgData name="Merve Turhan" userId="3594cd17-5953-4511-8d53-8cfc799250e7" providerId="ADAL" clId="{62B45B21-8CAF-4434-97F4-76A23BC920DD}" dt="2021-10-10T08:29:12.983" v="2375" actId="1076"/>
        <pc:sldMkLst>
          <pc:docMk/>
          <pc:sldMk cId="2230748882" sldId="271"/>
        </pc:sldMkLst>
        <pc:spChg chg="mod">
          <ac:chgData name="Merve Turhan" userId="3594cd17-5953-4511-8d53-8cfc799250e7" providerId="ADAL" clId="{62B45B21-8CAF-4434-97F4-76A23BC920DD}" dt="2021-10-05T02:28:49.626" v="668" actId="790"/>
          <ac:spMkLst>
            <pc:docMk/>
            <pc:sldMk cId="2230748882" sldId="271"/>
            <ac:spMk id="2" creationId="{F54D311D-2157-4A35-9F56-0E8FE9FDD7BC}"/>
          </ac:spMkLst>
        </pc:spChg>
        <pc:spChg chg="mod">
          <ac:chgData name="Merve Turhan" userId="3594cd17-5953-4511-8d53-8cfc799250e7" providerId="ADAL" clId="{62B45B21-8CAF-4434-97F4-76A23BC920DD}" dt="2021-10-05T02:28:49.627" v="669" actId="790"/>
          <ac:spMkLst>
            <pc:docMk/>
            <pc:sldMk cId="2230748882" sldId="271"/>
            <ac:spMk id="3" creationId="{17D5CE7D-CCF0-44B0-843A-8D46859C44EE}"/>
          </ac:spMkLst>
        </pc:spChg>
        <pc:spChg chg="mod">
          <ac:chgData name="Merve Turhan" userId="3594cd17-5953-4511-8d53-8cfc799250e7" providerId="ADAL" clId="{62B45B21-8CAF-4434-97F4-76A23BC920DD}" dt="2021-10-05T02:28:49.628" v="670" actId="790"/>
          <ac:spMkLst>
            <pc:docMk/>
            <pc:sldMk cId="2230748882" sldId="271"/>
            <ac:spMk id="4" creationId="{6A927E07-3624-45B8-934B-C229726CA813}"/>
          </ac:spMkLst>
        </pc:spChg>
        <pc:spChg chg="mod">
          <ac:chgData name="Merve Turhan" userId="3594cd17-5953-4511-8d53-8cfc799250e7" providerId="ADAL" clId="{62B45B21-8CAF-4434-97F4-76A23BC920DD}" dt="2021-10-05T02:30:21.566" v="1228" actId="20577"/>
          <ac:spMkLst>
            <pc:docMk/>
            <pc:sldMk cId="2230748882" sldId="271"/>
            <ac:spMk id="5" creationId="{0D8DE8B4-7BAB-4C18-A0E5-01D3A11D374F}"/>
          </ac:spMkLst>
        </pc:spChg>
        <pc:spChg chg="mod">
          <ac:chgData name="Merve Turhan" userId="3594cd17-5953-4511-8d53-8cfc799250e7" providerId="ADAL" clId="{62B45B21-8CAF-4434-97F4-76A23BC920DD}" dt="2021-10-05T02:30:53.351" v="1238" actId="20577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Merve Turhan" userId="3594cd17-5953-4511-8d53-8cfc799250e7" providerId="ADAL" clId="{62B45B21-8CAF-4434-97F4-76A23BC920DD}" dt="2021-10-05T02:30:48.717" v="1237" actId="20577"/>
          <ac:spMkLst>
            <pc:docMk/>
            <pc:sldMk cId="2230748882" sldId="271"/>
            <ac:spMk id="7" creationId="{0BF70DC3-66C9-451C-917E-BA44956D1DBD}"/>
          </ac:spMkLst>
        </pc:spChg>
        <pc:picChg chg="mod">
          <ac:chgData name="Merve Turhan" userId="3594cd17-5953-4511-8d53-8cfc799250e7" providerId="ADAL" clId="{62B45B21-8CAF-4434-97F4-76A23BC920DD}" dt="2021-10-10T08:29:12.983" v="2375" actId="1076"/>
          <ac:picMkLst>
            <pc:docMk/>
            <pc:sldMk cId="2230748882" sldId="271"/>
            <ac:picMk id="9" creationId="{9500E495-8358-46C8-8A6B-C78D3ACFD3D0}"/>
          </ac:picMkLst>
        </pc:picChg>
      </pc:sldChg>
      <pc:sldChg chg="addSp delSp modSp mod delAnim modNotesTx">
        <pc:chgData name="Merve Turhan" userId="3594cd17-5953-4511-8d53-8cfc799250e7" providerId="ADAL" clId="{62B45B21-8CAF-4434-97F4-76A23BC920DD}" dt="2021-10-14T09:37:51.029" v="3795" actId="20577"/>
        <pc:sldMkLst>
          <pc:docMk/>
          <pc:sldMk cId="2202449239" sldId="274"/>
        </pc:sldMkLst>
        <pc:spChg chg="mod">
          <ac:chgData name="Merve Turhan" userId="3594cd17-5953-4511-8d53-8cfc799250e7" providerId="ADAL" clId="{62B45B21-8CAF-4434-97F4-76A23BC920DD}" dt="2021-10-05T14:51:15.246" v="1980" actId="20577"/>
          <ac:spMkLst>
            <pc:docMk/>
            <pc:sldMk cId="2202449239" sldId="274"/>
            <ac:spMk id="2" creationId="{AB77B8F4-4DA4-4B3F-94FB-3703E1118225}"/>
          </ac:spMkLst>
        </pc:spChg>
        <pc:spChg chg="mod">
          <ac:chgData name="Merve Turhan" userId="3594cd17-5953-4511-8d53-8cfc799250e7" providerId="ADAL" clId="{62B45B21-8CAF-4434-97F4-76A23BC920DD}" dt="2021-10-05T02:28:49.761" v="799"/>
          <ac:spMkLst>
            <pc:docMk/>
            <pc:sldMk cId="2202449239" sldId="274"/>
            <ac:spMk id="3" creationId="{6D0402A5-6930-4084-A337-7AB11902FC40}"/>
          </ac:spMkLst>
        </pc:spChg>
        <pc:spChg chg="del mod">
          <ac:chgData name="Merve Turhan" userId="3594cd17-5953-4511-8d53-8cfc799250e7" providerId="ADAL" clId="{62B45B21-8CAF-4434-97F4-76A23BC920DD}" dt="2021-10-05T14:51:38.047" v="1986" actId="478"/>
          <ac:spMkLst>
            <pc:docMk/>
            <pc:sldMk cId="2202449239" sldId="274"/>
            <ac:spMk id="4" creationId="{7DFE96AF-6F08-4E5E-9229-F7147ED503A5}"/>
          </ac:spMkLst>
        </pc:spChg>
        <pc:spChg chg="add mod">
          <ac:chgData name="Merve Turhan" userId="3594cd17-5953-4511-8d53-8cfc799250e7" providerId="ADAL" clId="{62B45B21-8CAF-4434-97F4-76A23BC920DD}" dt="2021-10-12T08:18:57.403" v="2844" actId="1582"/>
          <ac:spMkLst>
            <pc:docMk/>
            <pc:sldMk cId="2202449239" sldId="274"/>
            <ac:spMk id="5" creationId="{181921E7-AE99-4279-9C3F-623CF708C9F1}"/>
          </ac:spMkLst>
        </pc:spChg>
        <pc:spChg chg="mod">
          <ac:chgData name="Merve Turhan" userId="3594cd17-5953-4511-8d53-8cfc799250e7" providerId="ADAL" clId="{62B45B21-8CAF-4434-97F4-76A23BC920DD}" dt="2021-10-05T02:28:49.762" v="802" actId="790"/>
          <ac:spMkLst>
            <pc:docMk/>
            <pc:sldMk cId="2202449239" sldId="274"/>
            <ac:spMk id="6" creationId="{192E595F-93FD-4FD1-A68B-BD40A45C8928}"/>
          </ac:spMkLst>
        </pc:spChg>
        <pc:spChg chg="add mod">
          <ac:chgData name="Merve Turhan" userId="3594cd17-5953-4511-8d53-8cfc799250e7" providerId="ADAL" clId="{62B45B21-8CAF-4434-97F4-76A23BC920DD}" dt="2021-10-14T07:15:36.283" v="3197" actId="20577"/>
          <ac:spMkLst>
            <pc:docMk/>
            <pc:sldMk cId="2202449239" sldId="274"/>
            <ac:spMk id="7" creationId="{1D18CE50-C52D-438F-A91C-B4729CA511EA}"/>
          </ac:spMkLst>
        </pc:spChg>
        <pc:spChg chg="mod">
          <ac:chgData name="Merve Turhan" userId="3594cd17-5953-4511-8d53-8cfc799250e7" providerId="ADAL" clId="{62B45B21-8CAF-4434-97F4-76A23BC920DD}" dt="2021-10-12T08:17:17.054" v="2839" actId="13822"/>
          <ac:spMkLst>
            <pc:docMk/>
            <pc:sldMk cId="2202449239" sldId="274"/>
            <ac:spMk id="8" creationId="{FD5F01C6-032B-4444-ADA8-356791C6E3CC}"/>
          </ac:spMkLst>
        </pc:spChg>
        <pc:spChg chg="mod">
          <ac:chgData name="Merve Turhan" userId="3594cd17-5953-4511-8d53-8cfc799250e7" providerId="ADAL" clId="{62B45B21-8CAF-4434-97F4-76A23BC920DD}" dt="2021-10-12T08:18:25.011" v="2843" actId="1582"/>
          <ac:spMkLst>
            <pc:docMk/>
            <pc:sldMk cId="2202449239" sldId="274"/>
            <ac:spMk id="9" creationId="{1D5E7CAC-94F5-4596-83E1-7DB62F81B6A5}"/>
          </ac:spMkLst>
        </pc:spChg>
        <pc:spChg chg="del mod">
          <ac:chgData name="Merve Turhan" userId="3594cd17-5953-4511-8d53-8cfc799250e7" providerId="ADAL" clId="{62B45B21-8CAF-4434-97F4-76A23BC920DD}" dt="2021-10-05T09:43:49.240" v="1595" actId="478"/>
          <ac:spMkLst>
            <pc:docMk/>
            <pc:sldMk cId="2202449239" sldId="274"/>
            <ac:spMk id="10" creationId="{CF6DD47C-73D5-4AD4-AFF4-E08AD846C4B6}"/>
          </ac:spMkLst>
        </pc:spChg>
        <pc:spChg chg="mod">
          <ac:chgData name="Merve Turhan" userId="3594cd17-5953-4511-8d53-8cfc799250e7" providerId="ADAL" clId="{62B45B21-8CAF-4434-97F4-76A23BC920DD}" dt="2021-10-10T14:52:51.439" v="2399" actId="13822"/>
          <ac:spMkLst>
            <pc:docMk/>
            <pc:sldMk cId="2202449239" sldId="274"/>
            <ac:spMk id="11" creationId="{A919DE69-9424-4956-BBDA-1582BEA45DEC}"/>
          </ac:spMkLst>
        </pc:spChg>
        <pc:spChg chg="mod">
          <ac:chgData name="Merve Turhan" userId="3594cd17-5953-4511-8d53-8cfc799250e7" providerId="ADAL" clId="{62B45B21-8CAF-4434-97F4-76A23BC920DD}" dt="2021-10-10T14:52:55.125" v="2400" actId="13822"/>
          <ac:spMkLst>
            <pc:docMk/>
            <pc:sldMk cId="2202449239" sldId="274"/>
            <ac:spMk id="12" creationId="{E8CFC069-8D85-4824-9978-BC41CF5A55FF}"/>
          </ac:spMkLst>
        </pc:spChg>
        <pc:spChg chg="mod">
          <ac:chgData name="Merve Turhan" userId="3594cd17-5953-4511-8d53-8cfc799250e7" providerId="ADAL" clId="{62B45B21-8CAF-4434-97F4-76A23BC920DD}" dt="2021-10-05T02:28:49.758" v="792" actId="790"/>
          <ac:spMkLst>
            <pc:docMk/>
            <pc:sldMk cId="2202449239" sldId="274"/>
            <ac:spMk id="13" creationId="{F5C4EC0F-88A1-4417-8103-63B2EBB1A1E4}"/>
          </ac:spMkLst>
        </pc:spChg>
        <pc:spChg chg="mod">
          <ac:chgData name="Merve Turhan" userId="3594cd17-5953-4511-8d53-8cfc799250e7" providerId="ADAL" clId="{62B45B21-8CAF-4434-97F4-76A23BC920DD}" dt="2021-10-05T02:28:49.758" v="793"/>
          <ac:spMkLst>
            <pc:docMk/>
            <pc:sldMk cId="2202449239" sldId="274"/>
            <ac:spMk id="14" creationId="{07714B90-E557-46CC-A6A5-39A2E87674AD}"/>
          </ac:spMkLst>
        </pc:spChg>
        <pc:spChg chg="mod">
          <ac:chgData name="Merve Turhan" userId="3594cd17-5953-4511-8d53-8cfc799250e7" providerId="ADAL" clId="{62B45B21-8CAF-4434-97F4-76A23BC920DD}" dt="2021-10-05T02:28:49.758" v="794"/>
          <ac:spMkLst>
            <pc:docMk/>
            <pc:sldMk cId="2202449239" sldId="274"/>
            <ac:spMk id="15" creationId="{F4EF217F-D926-47F8-BD00-4DA8EE59B3B6}"/>
          </ac:spMkLst>
        </pc:spChg>
        <pc:spChg chg="mod">
          <ac:chgData name="Merve Turhan" userId="3594cd17-5953-4511-8d53-8cfc799250e7" providerId="ADAL" clId="{62B45B21-8CAF-4434-97F4-76A23BC920DD}" dt="2021-10-05T02:28:49.759" v="795"/>
          <ac:spMkLst>
            <pc:docMk/>
            <pc:sldMk cId="2202449239" sldId="274"/>
            <ac:spMk id="16" creationId="{D3DE39E8-738C-4866-B986-61CE36B6C287}"/>
          </ac:spMkLst>
        </pc:spChg>
        <pc:spChg chg="del">
          <ac:chgData name="Merve Turhan" userId="3594cd17-5953-4511-8d53-8cfc799250e7" providerId="ADAL" clId="{62B45B21-8CAF-4434-97F4-76A23BC920DD}" dt="2021-09-29T09:29:36.956" v="170" actId="478"/>
          <ac:spMkLst>
            <pc:docMk/>
            <pc:sldMk cId="2202449239" sldId="274"/>
            <ac:spMk id="22" creationId="{AEF06857-45CF-4580-B6A3-AECC61930DB2}"/>
          </ac:spMkLst>
        </pc:spChg>
        <pc:spChg chg="add del">
          <ac:chgData name="Merve Turhan" userId="3594cd17-5953-4511-8d53-8cfc799250e7" providerId="ADAL" clId="{62B45B21-8CAF-4434-97F4-76A23BC920DD}" dt="2021-10-11T10:49:27.053" v="2497" actId="478"/>
          <ac:spMkLst>
            <pc:docMk/>
            <pc:sldMk cId="2202449239" sldId="274"/>
            <ac:spMk id="22" creationId="{F065249A-4D26-4AC6-A076-8922B452CEB6}"/>
          </ac:spMkLst>
        </pc:spChg>
        <pc:spChg chg="add mod">
          <ac:chgData name="Merve Turhan" userId="3594cd17-5953-4511-8d53-8cfc799250e7" providerId="ADAL" clId="{62B45B21-8CAF-4434-97F4-76A23BC920DD}" dt="2021-10-11T10:49:41.065" v="2501" actId="17032"/>
          <ac:spMkLst>
            <pc:docMk/>
            <pc:sldMk cId="2202449239" sldId="274"/>
            <ac:spMk id="23" creationId="{F93DDC71-84B2-428C-AEB7-A90058FC904B}"/>
          </ac:spMkLst>
        </pc:spChg>
        <pc:spChg chg="mod">
          <ac:chgData name="Merve Turhan" userId="3594cd17-5953-4511-8d53-8cfc799250e7" providerId="ADAL" clId="{62B45B21-8CAF-4434-97F4-76A23BC920DD}" dt="2021-10-05T02:28:49.759" v="796" actId="790"/>
          <ac:spMkLst>
            <pc:docMk/>
            <pc:sldMk cId="2202449239" sldId="274"/>
            <ac:spMk id="26" creationId="{6F09682A-04DB-4308-9342-B4DC69EAF5B4}"/>
          </ac:spMkLst>
        </pc:spChg>
        <pc:spChg chg="del">
          <ac:chgData name="Merve Turhan" userId="3594cd17-5953-4511-8d53-8cfc799250e7" providerId="ADAL" clId="{62B45B21-8CAF-4434-97F4-76A23BC920DD}" dt="2021-09-29T09:29:30.705" v="168" actId="478"/>
          <ac:spMkLst>
            <pc:docMk/>
            <pc:sldMk cId="2202449239" sldId="274"/>
            <ac:spMk id="29" creationId="{2B8ABC85-BB5F-4D4B-8E99-659BC28FB2A9}"/>
          </ac:spMkLst>
        </pc:spChg>
        <pc:spChg chg="del mod">
          <ac:chgData name="Merve Turhan" userId="3594cd17-5953-4511-8d53-8cfc799250e7" providerId="ADAL" clId="{62B45B21-8CAF-4434-97F4-76A23BC920DD}" dt="2021-10-05T14:51:19.715" v="1983" actId="478"/>
          <ac:spMkLst>
            <pc:docMk/>
            <pc:sldMk cId="2202449239" sldId="274"/>
            <ac:spMk id="30" creationId="{B730A448-1AB1-408A-99B1-53155536E38F}"/>
          </ac:spMkLst>
        </pc:spChg>
        <pc:spChg chg="mod">
          <ac:chgData name="Merve Turhan" userId="3594cd17-5953-4511-8d53-8cfc799250e7" providerId="ADAL" clId="{62B45B21-8CAF-4434-97F4-76A23BC920DD}" dt="2021-10-14T09:37:51.029" v="3795" actId="20577"/>
          <ac:spMkLst>
            <pc:docMk/>
            <pc:sldMk cId="2202449239" sldId="274"/>
            <ac:spMk id="31" creationId="{DBCEEDC6-5F87-4AC5-AFCC-94D7CF5E7667}"/>
          </ac:spMkLst>
        </pc:spChg>
        <pc:spChg chg="mod">
          <ac:chgData name="Merve Turhan" userId="3594cd17-5953-4511-8d53-8cfc799250e7" providerId="ADAL" clId="{62B45B21-8CAF-4434-97F4-76A23BC920DD}" dt="2021-10-05T02:28:49.760" v="798" actId="790"/>
          <ac:spMkLst>
            <pc:docMk/>
            <pc:sldMk cId="2202449239" sldId="274"/>
            <ac:spMk id="32" creationId="{EC7ADF0D-10E4-464A-A6A0-6320792DE604}"/>
          </ac:spMkLst>
        </pc:spChg>
        <pc:spChg chg="del">
          <ac:chgData name="Merve Turhan" userId="3594cd17-5953-4511-8d53-8cfc799250e7" providerId="ADAL" clId="{62B45B21-8CAF-4434-97F4-76A23BC920DD}" dt="2021-09-29T09:29:27.784" v="167" actId="478"/>
          <ac:spMkLst>
            <pc:docMk/>
            <pc:sldMk cId="2202449239" sldId="274"/>
            <ac:spMk id="33" creationId="{0297A5CC-69B9-45DA-9B1A-1445E2972A4D}"/>
          </ac:spMkLst>
        </pc:spChg>
        <pc:spChg chg="del mod">
          <ac:chgData name="Merve Turhan" userId="3594cd17-5953-4511-8d53-8cfc799250e7" providerId="ADAL" clId="{62B45B21-8CAF-4434-97F4-76A23BC920DD}" dt="2021-10-05T14:51:21.711" v="1984" actId="478"/>
          <ac:spMkLst>
            <pc:docMk/>
            <pc:sldMk cId="2202449239" sldId="274"/>
            <ac:spMk id="39" creationId="{AF77E995-5479-4AF0-A467-87000E1DB88D}"/>
          </ac:spMkLst>
        </pc:spChg>
        <pc:spChg chg="mod">
          <ac:chgData name="Merve Turhan" userId="3594cd17-5953-4511-8d53-8cfc799250e7" providerId="ADAL" clId="{62B45B21-8CAF-4434-97F4-76A23BC920DD}" dt="2021-10-05T02:28:49.761" v="800"/>
          <ac:spMkLst>
            <pc:docMk/>
            <pc:sldMk cId="2202449239" sldId="274"/>
            <ac:spMk id="40" creationId="{F4035454-FA35-498B-85E7-EF66D6CF2CEC}"/>
          </ac:spMkLst>
        </pc:spChg>
        <pc:spChg chg="del mod">
          <ac:chgData name="Merve Turhan" userId="3594cd17-5953-4511-8d53-8cfc799250e7" providerId="ADAL" clId="{62B45B21-8CAF-4434-97F4-76A23BC920DD}" dt="2021-10-05T14:51:25.661" v="1985" actId="478"/>
          <ac:spMkLst>
            <pc:docMk/>
            <pc:sldMk cId="2202449239" sldId="274"/>
            <ac:spMk id="41" creationId="{03A25D6C-DE86-4E60-BB61-F2E14FD4B4F9}"/>
          </ac:spMkLst>
        </pc:spChg>
        <pc:spChg chg="mod">
          <ac:chgData name="Merve Turhan" userId="3594cd17-5953-4511-8d53-8cfc799250e7" providerId="ADAL" clId="{62B45B21-8CAF-4434-97F4-76A23BC920DD}" dt="2021-10-05T02:28:49.763" v="805" actId="790"/>
          <ac:spMkLst>
            <pc:docMk/>
            <pc:sldMk cId="2202449239" sldId="274"/>
            <ac:spMk id="42" creationId="{D317E64A-91E6-4434-8062-C3D35D24D213}"/>
          </ac:spMkLst>
        </pc:spChg>
        <pc:picChg chg="del">
          <ac:chgData name="Merve Turhan" userId="3594cd17-5953-4511-8d53-8cfc799250e7" providerId="ADAL" clId="{62B45B21-8CAF-4434-97F4-76A23BC920DD}" dt="2021-09-29T09:29:17.909" v="164" actId="478"/>
          <ac:picMkLst>
            <pc:docMk/>
            <pc:sldMk cId="2202449239" sldId="274"/>
            <ac:picMk id="7" creationId="{D783DD44-3EE8-460B-96A1-1A8E11A2ED44}"/>
          </ac:picMkLst>
        </pc:picChg>
        <pc:picChg chg="add del mod">
          <ac:chgData name="Merve Turhan" userId="3594cd17-5953-4511-8d53-8cfc799250e7" providerId="ADAL" clId="{62B45B21-8CAF-4434-97F4-76A23BC920DD}" dt="2021-10-10T16:26:10.654" v="2454" actId="478"/>
          <ac:picMkLst>
            <pc:docMk/>
            <pc:sldMk cId="2202449239" sldId="274"/>
            <ac:picMk id="10" creationId="{FB2A924C-4CC7-4470-824B-54C62515672A}"/>
          </ac:picMkLst>
        </pc:picChg>
        <pc:picChg chg="del">
          <ac:chgData name="Merve Turhan" userId="3594cd17-5953-4511-8d53-8cfc799250e7" providerId="ADAL" clId="{62B45B21-8CAF-4434-97F4-76A23BC920DD}" dt="2021-09-29T09:29:19.670" v="165" actId="478"/>
          <ac:picMkLst>
            <pc:docMk/>
            <pc:sldMk cId="2202449239" sldId="274"/>
            <ac:picMk id="17" creationId="{EEF9116D-80B5-474A-B5D2-A1BC99F0DAFB}"/>
          </ac:picMkLst>
        </pc:picChg>
        <pc:picChg chg="add del mod">
          <ac:chgData name="Merve Turhan" userId="3594cd17-5953-4511-8d53-8cfc799250e7" providerId="ADAL" clId="{62B45B21-8CAF-4434-97F4-76A23BC920DD}" dt="2021-10-10T16:21:12.914" v="2447" actId="478"/>
          <ac:picMkLst>
            <pc:docMk/>
            <pc:sldMk cId="2202449239" sldId="274"/>
            <ac:picMk id="18" creationId="{4FA0A0EE-D95E-460B-BD14-1036FE2AAF59}"/>
          </ac:picMkLst>
        </pc:picChg>
        <pc:picChg chg="add del mod">
          <ac:chgData name="Merve Turhan" userId="3594cd17-5953-4511-8d53-8cfc799250e7" providerId="ADAL" clId="{62B45B21-8CAF-4434-97F4-76A23BC920DD}" dt="2021-10-11T10:49:07.023" v="2493" actId="478"/>
          <ac:picMkLst>
            <pc:docMk/>
            <pc:sldMk cId="2202449239" sldId="274"/>
            <ac:picMk id="19" creationId="{44D087CB-58B0-4465-9D92-5EC138E2C045}"/>
          </ac:picMkLst>
        </pc:picChg>
        <pc:picChg chg="add del mod">
          <ac:chgData name="Merve Turhan" userId="3594cd17-5953-4511-8d53-8cfc799250e7" providerId="ADAL" clId="{62B45B21-8CAF-4434-97F4-76A23BC920DD}" dt="2021-10-12T08:11:20.750" v="2823" actId="478"/>
          <ac:picMkLst>
            <pc:docMk/>
            <pc:sldMk cId="2202449239" sldId="274"/>
            <ac:picMk id="21" creationId="{48441B1E-C8E1-4EC9-B70A-4860C5BBB0F0}"/>
          </ac:picMkLst>
        </pc:picChg>
        <pc:picChg chg="add mod ord">
          <ac:chgData name="Merve Turhan" userId="3594cd17-5953-4511-8d53-8cfc799250e7" providerId="ADAL" clId="{62B45B21-8CAF-4434-97F4-76A23BC920DD}" dt="2021-10-12T08:39:15.197" v="2856" actId="692"/>
          <ac:picMkLst>
            <pc:docMk/>
            <pc:sldMk cId="2202449239" sldId="274"/>
            <ac:picMk id="25" creationId="{FB002B0C-3F4A-4307-8A62-AFF457582AFE}"/>
          </ac:picMkLst>
        </pc:picChg>
        <pc:picChg chg="del">
          <ac:chgData name="Merve Turhan" userId="3594cd17-5953-4511-8d53-8cfc799250e7" providerId="ADAL" clId="{62B45B21-8CAF-4434-97F4-76A23BC920DD}" dt="2021-10-05T14:51:51.794" v="1989" actId="478"/>
          <ac:picMkLst>
            <pc:docMk/>
            <pc:sldMk cId="2202449239" sldId="274"/>
            <ac:picMk id="1027" creationId="{F0680101-93F8-48FB-88B9-56212B20ADB9}"/>
          </ac:picMkLst>
        </pc:picChg>
        <pc:cxnChg chg="del mod">
          <ac:chgData name="Merve Turhan" userId="3594cd17-5953-4511-8d53-8cfc799250e7" providerId="ADAL" clId="{62B45B21-8CAF-4434-97F4-76A23BC920DD}" dt="2021-09-29T09:29:39.437" v="171" actId="478"/>
          <ac:cxnSpMkLst>
            <pc:docMk/>
            <pc:sldMk cId="2202449239" sldId="274"/>
            <ac:cxnSpMk id="18" creationId="{77902021-0A2B-47BE-AB73-02CAB3855D85}"/>
          </ac:cxnSpMkLst>
        </pc:cxnChg>
        <pc:cxnChg chg="del mod">
          <ac:chgData name="Merve Turhan" userId="3594cd17-5953-4511-8d53-8cfc799250e7" providerId="ADAL" clId="{62B45B21-8CAF-4434-97F4-76A23BC920DD}" dt="2021-09-29T09:29:33.047" v="169" actId="478"/>
          <ac:cxnSpMkLst>
            <pc:docMk/>
            <pc:sldMk cId="2202449239" sldId="274"/>
            <ac:cxnSpMk id="21" creationId="{0A68E282-EA9D-45C6-A6F3-7550F7D099E2}"/>
          </ac:cxnSpMkLst>
        </pc:cxnChg>
        <pc:cxnChg chg="del">
          <ac:chgData name="Merve Turhan" userId="3594cd17-5953-4511-8d53-8cfc799250e7" providerId="ADAL" clId="{62B45B21-8CAF-4434-97F4-76A23BC920DD}" dt="2021-09-29T09:29:24.540" v="166" actId="478"/>
          <ac:cxnSpMkLst>
            <pc:docMk/>
            <pc:sldMk cId="2202449239" sldId="274"/>
            <ac:cxnSpMk id="34" creationId="{3AD6B19C-A5DD-4942-8ACE-727131B6E3BD}"/>
          </ac:cxnSpMkLst>
        </pc:cxnChg>
      </pc:sldChg>
      <pc:sldChg chg="delSp modSp mod modAnim addCm delCm modCm modNotesTx">
        <pc:chgData name="Merve Turhan" userId="3594cd17-5953-4511-8d53-8cfc799250e7" providerId="ADAL" clId="{62B45B21-8CAF-4434-97F4-76A23BC920DD}" dt="2021-10-18T08:27:39.683" v="5578" actId="20577"/>
        <pc:sldMkLst>
          <pc:docMk/>
          <pc:sldMk cId="4073443622" sldId="275"/>
        </pc:sldMkLst>
        <pc:spChg chg="mod">
          <ac:chgData name="Merve Turhan" userId="3594cd17-5953-4511-8d53-8cfc799250e7" providerId="ADAL" clId="{62B45B21-8CAF-4434-97F4-76A23BC920DD}" dt="2021-10-16T20:58:56.012" v="4040"/>
          <ac:spMkLst>
            <pc:docMk/>
            <pc:sldMk cId="4073443622" sldId="275"/>
            <ac:spMk id="2" creationId="{145A5B86-CDEE-4EAD-814B-D0C826FD40F3}"/>
          </ac:spMkLst>
        </pc:spChg>
        <pc:spChg chg="mod">
          <ac:chgData name="Merve Turhan" userId="3594cd17-5953-4511-8d53-8cfc799250e7" providerId="ADAL" clId="{62B45B21-8CAF-4434-97F4-76A23BC920DD}" dt="2021-10-14T10:16:03.875" v="3830" actId="207"/>
          <ac:spMkLst>
            <pc:docMk/>
            <pc:sldMk cId="4073443622" sldId="275"/>
            <ac:spMk id="3" creationId="{0725F03B-7FF5-4B82-84E1-122CEE6079CC}"/>
          </ac:spMkLst>
        </pc:spChg>
        <pc:spChg chg="mod">
          <ac:chgData name="Merve Turhan" userId="3594cd17-5953-4511-8d53-8cfc799250e7" providerId="ADAL" clId="{62B45B21-8CAF-4434-97F4-76A23BC920DD}" dt="2021-10-05T02:28:49.705" v="732"/>
          <ac:spMkLst>
            <pc:docMk/>
            <pc:sldMk cId="4073443622" sldId="275"/>
            <ac:spMk id="5" creationId="{C0E43549-C2F3-4226-8CF6-5A3B88C76930}"/>
          </ac:spMkLst>
        </pc:spChg>
        <pc:spChg chg="mod">
          <ac:chgData name="Merve Turhan" userId="3594cd17-5953-4511-8d53-8cfc799250e7" providerId="ADAL" clId="{62B45B21-8CAF-4434-97F4-76A23BC920DD}" dt="2021-10-05T02:28:49.702" v="731" actId="790"/>
          <ac:spMkLst>
            <pc:docMk/>
            <pc:sldMk cId="4073443622" sldId="275"/>
            <ac:spMk id="6" creationId="{0BF68993-B3F5-44AD-A7C7-CD355E77AE73}"/>
          </ac:spMkLst>
        </pc:spChg>
        <pc:spChg chg="mod">
          <ac:chgData name="Merve Turhan" userId="3594cd17-5953-4511-8d53-8cfc799250e7" providerId="ADAL" clId="{62B45B21-8CAF-4434-97F4-76A23BC920DD}" dt="2021-10-05T02:28:49.708" v="733"/>
          <ac:spMkLst>
            <pc:docMk/>
            <pc:sldMk cId="4073443622" sldId="275"/>
            <ac:spMk id="7" creationId="{8C106D0A-D965-4685-BB94-2ACB5AF9597B}"/>
          </ac:spMkLst>
        </pc:spChg>
        <pc:spChg chg="mod">
          <ac:chgData name="Merve Turhan" userId="3594cd17-5953-4511-8d53-8cfc799250e7" providerId="ADAL" clId="{62B45B21-8CAF-4434-97F4-76A23BC920DD}" dt="2021-10-12T08:53:50.829" v="2895" actId="13822"/>
          <ac:spMkLst>
            <pc:docMk/>
            <pc:sldMk cId="4073443622" sldId="275"/>
            <ac:spMk id="8" creationId="{79D7E8FD-5ABF-4C09-B53D-EA9670B7FB8E}"/>
          </ac:spMkLst>
        </pc:spChg>
        <pc:spChg chg="mod">
          <ac:chgData name="Merve Turhan" userId="3594cd17-5953-4511-8d53-8cfc799250e7" providerId="ADAL" clId="{62B45B21-8CAF-4434-97F4-76A23BC920DD}" dt="2021-10-05T02:28:49.710" v="735"/>
          <ac:spMkLst>
            <pc:docMk/>
            <pc:sldMk cId="4073443622" sldId="275"/>
            <ac:spMk id="9" creationId="{B01D6B3A-4943-432B-ABB6-0C8FFC81B081}"/>
          </ac:spMkLst>
        </pc:spChg>
        <pc:spChg chg="mod">
          <ac:chgData name="Merve Turhan" userId="3594cd17-5953-4511-8d53-8cfc799250e7" providerId="ADAL" clId="{62B45B21-8CAF-4434-97F4-76A23BC920DD}" dt="2021-10-12T08:53:58.083" v="2896" actId="13822"/>
          <ac:spMkLst>
            <pc:docMk/>
            <pc:sldMk cId="4073443622" sldId="275"/>
            <ac:spMk id="10" creationId="{4241CF5A-E452-4CC5-A14B-161655AA5210}"/>
          </ac:spMkLst>
        </pc:spChg>
        <pc:spChg chg="mod">
          <ac:chgData name="Merve Turhan" userId="3594cd17-5953-4511-8d53-8cfc799250e7" providerId="ADAL" clId="{62B45B21-8CAF-4434-97F4-76A23BC920DD}" dt="2021-10-05T02:28:49.711" v="737"/>
          <ac:spMkLst>
            <pc:docMk/>
            <pc:sldMk cId="4073443622" sldId="275"/>
            <ac:spMk id="12" creationId="{64BB2DB5-8C49-4D99-B31C-F12262415E5E}"/>
          </ac:spMkLst>
        </pc:spChg>
        <pc:spChg chg="mod">
          <ac:chgData name="Merve Turhan" userId="3594cd17-5953-4511-8d53-8cfc799250e7" providerId="ADAL" clId="{62B45B21-8CAF-4434-97F4-76A23BC920DD}" dt="2021-10-05T02:28:49.711" v="738" actId="790"/>
          <ac:spMkLst>
            <pc:docMk/>
            <pc:sldMk cId="4073443622" sldId="275"/>
            <ac:spMk id="13" creationId="{C6C3BBBC-5107-4865-B187-2688BAFA356D}"/>
          </ac:spMkLst>
        </pc:spChg>
        <pc:spChg chg="mod">
          <ac:chgData name="Merve Turhan" userId="3594cd17-5953-4511-8d53-8cfc799250e7" providerId="ADAL" clId="{62B45B21-8CAF-4434-97F4-76A23BC920DD}" dt="2021-10-05T02:28:49.712" v="739"/>
          <ac:spMkLst>
            <pc:docMk/>
            <pc:sldMk cId="4073443622" sldId="275"/>
            <ac:spMk id="17" creationId="{BEA32D59-A05B-40B6-824B-EF059F9DC62A}"/>
          </ac:spMkLst>
        </pc:spChg>
        <pc:spChg chg="mod">
          <ac:chgData name="Merve Turhan" userId="3594cd17-5953-4511-8d53-8cfc799250e7" providerId="ADAL" clId="{62B45B21-8CAF-4434-97F4-76A23BC920DD}" dt="2021-10-13T21:05:44.744" v="3106" actId="20577"/>
          <ac:spMkLst>
            <pc:docMk/>
            <pc:sldMk cId="4073443622" sldId="275"/>
            <ac:spMk id="18" creationId="{B24DBF0D-EABE-46D6-9163-3A816515C754}"/>
          </ac:spMkLst>
        </pc:spChg>
        <pc:spChg chg="mod">
          <ac:chgData name="Merve Turhan" userId="3594cd17-5953-4511-8d53-8cfc799250e7" providerId="ADAL" clId="{62B45B21-8CAF-4434-97F4-76A23BC920DD}" dt="2021-10-14T10:16:30.738" v="3832" actId="207"/>
          <ac:spMkLst>
            <pc:docMk/>
            <pc:sldMk cId="4073443622" sldId="275"/>
            <ac:spMk id="20" creationId="{4120F6FF-A064-45F6-A472-0AA7C29BAAA3}"/>
          </ac:spMkLst>
        </pc:spChg>
        <pc:spChg chg="mod">
          <ac:chgData name="Merve Turhan" userId="3594cd17-5953-4511-8d53-8cfc799250e7" providerId="ADAL" clId="{62B45B21-8CAF-4434-97F4-76A23BC920DD}" dt="2021-10-05T02:28:49.713" v="742"/>
          <ac:spMkLst>
            <pc:docMk/>
            <pc:sldMk cId="4073443622" sldId="275"/>
            <ac:spMk id="26" creationId="{3BF03BE7-F97B-42C8-ABA2-CBA796E49095}"/>
          </ac:spMkLst>
        </pc:spChg>
        <pc:spChg chg="mod">
          <ac:chgData name="Merve Turhan" userId="3594cd17-5953-4511-8d53-8cfc799250e7" providerId="ADAL" clId="{62B45B21-8CAF-4434-97F4-76A23BC920DD}" dt="2021-10-05T02:28:49.713" v="743"/>
          <ac:spMkLst>
            <pc:docMk/>
            <pc:sldMk cId="4073443622" sldId="275"/>
            <ac:spMk id="28" creationId="{E1FCDE4D-32F1-4BFA-B671-9B794B96BA60}"/>
          </ac:spMkLst>
        </pc:spChg>
        <pc:picChg chg="del">
          <ac:chgData name="Merve Turhan" userId="3594cd17-5953-4511-8d53-8cfc799250e7" providerId="ADAL" clId="{62B45B21-8CAF-4434-97F4-76A23BC920DD}" dt="2021-10-12T17:57:40.378" v="2963" actId="478"/>
          <ac:picMkLst>
            <pc:docMk/>
            <pc:sldMk cId="4073443622" sldId="275"/>
            <ac:picMk id="30" creationId="{1FD9F7F2-47D0-42AC-8FEA-4814100562D5}"/>
          </ac:picMkLst>
        </pc:picChg>
        <pc:cxnChg chg="mod">
          <ac:chgData name="Merve Turhan" userId="3594cd17-5953-4511-8d53-8cfc799250e7" providerId="ADAL" clId="{62B45B21-8CAF-4434-97F4-76A23BC920DD}" dt="2021-10-12T05:56:21.362" v="2808" actId="14100"/>
          <ac:cxnSpMkLst>
            <pc:docMk/>
            <pc:sldMk cId="4073443622" sldId="275"/>
            <ac:cxnSpMk id="19" creationId="{3D78AF13-4728-4997-8130-FFE2E37B4AA3}"/>
          </ac:cxnSpMkLst>
        </pc:cxnChg>
      </pc:sldChg>
      <pc:sldChg chg="addSp delSp modSp mod modAnim modNotesTx">
        <pc:chgData name="Merve Turhan" userId="3594cd17-5953-4511-8d53-8cfc799250e7" providerId="ADAL" clId="{62B45B21-8CAF-4434-97F4-76A23BC920DD}" dt="2021-10-18T08:27:34.592" v="5577" actId="20577"/>
        <pc:sldMkLst>
          <pc:docMk/>
          <pc:sldMk cId="1123091943" sldId="281"/>
        </pc:sldMkLst>
        <pc:spChg chg="mod">
          <ac:chgData name="Merve Turhan" userId="3594cd17-5953-4511-8d53-8cfc799250e7" providerId="ADAL" clId="{62B45B21-8CAF-4434-97F4-76A23BC920DD}" dt="2021-10-18T06:55:50.394" v="5334" actId="14100"/>
          <ac:spMkLst>
            <pc:docMk/>
            <pc:sldMk cId="1123091943" sldId="281"/>
            <ac:spMk id="2" creationId="{400B03D0-A099-4F3C-B9B6-498E1BAA46C9}"/>
          </ac:spMkLst>
        </pc:spChg>
        <pc:spChg chg="mod">
          <ac:chgData name="Merve Turhan" userId="3594cd17-5953-4511-8d53-8cfc799250e7" providerId="ADAL" clId="{62B45B21-8CAF-4434-97F4-76A23BC920DD}" dt="2021-10-05T02:28:49.692" v="726" actId="790"/>
          <ac:spMkLst>
            <pc:docMk/>
            <pc:sldMk cId="1123091943" sldId="281"/>
            <ac:spMk id="3" creationId="{CFC43F3D-9A69-4B1C-9AEF-25CA53775F5C}"/>
          </ac:spMkLst>
        </pc:spChg>
        <pc:spChg chg="mod">
          <ac:chgData name="Merve Turhan" userId="3594cd17-5953-4511-8d53-8cfc799250e7" providerId="ADAL" clId="{62B45B21-8CAF-4434-97F4-76A23BC920DD}" dt="2021-10-05T02:28:49.652" v="686" actId="790"/>
          <ac:spMkLst>
            <pc:docMk/>
            <pc:sldMk cId="1123091943" sldId="281"/>
            <ac:spMk id="5" creationId="{2E25018B-CDF5-46CF-945E-2ADEF0607007}"/>
          </ac:spMkLst>
        </pc:spChg>
        <pc:spChg chg="mod">
          <ac:chgData name="Merve Turhan" userId="3594cd17-5953-4511-8d53-8cfc799250e7" providerId="ADAL" clId="{62B45B21-8CAF-4434-97F4-76A23BC920DD}" dt="2021-10-05T02:28:49.653" v="687" actId="790"/>
          <ac:spMkLst>
            <pc:docMk/>
            <pc:sldMk cId="1123091943" sldId="281"/>
            <ac:spMk id="6" creationId="{C9A25EB3-151E-451C-BBFB-C1906EB4619F}"/>
          </ac:spMkLst>
        </pc:spChg>
        <pc:spChg chg="mod">
          <ac:chgData name="Merve Turhan" userId="3594cd17-5953-4511-8d53-8cfc799250e7" providerId="ADAL" clId="{62B45B21-8CAF-4434-97F4-76A23BC920DD}" dt="2021-10-05T02:28:49.654" v="688" actId="790"/>
          <ac:spMkLst>
            <pc:docMk/>
            <pc:sldMk cId="1123091943" sldId="281"/>
            <ac:spMk id="7" creationId="{76040A9B-53DB-4225-B55D-25440F668F74}"/>
          </ac:spMkLst>
        </pc:spChg>
        <pc:spChg chg="mod">
          <ac:chgData name="Merve Turhan" userId="3594cd17-5953-4511-8d53-8cfc799250e7" providerId="ADAL" clId="{62B45B21-8CAF-4434-97F4-76A23BC920DD}" dt="2021-10-05T02:28:49.655" v="689" actId="790"/>
          <ac:spMkLst>
            <pc:docMk/>
            <pc:sldMk cId="1123091943" sldId="281"/>
            <ac:spMk id="8" creationId="{97D39FB5-AA96-422E-8660-419E88FD0ACE}"/>
          </ac:spMkLst>
        </pc:spChg>
        <pc:spChg chg="mod">
          <ac:chgData name="Merve Turhan" userId="3594cd17-5953-4511-8d53-8cfc799250e7" providerId="ADAL" clId="{62B45B21-8CAF-4434-97F4-76A23BC920DD}" dt="2021-10-05T02:28:49.656" v="690" actId="790"/>
          <ac:spMkLst>
            <pc:docMk/>
            <pc:sldMk cId="1123091943" sldId="281"/>
            <ac:spMk id="12" creationId="{70AD5A64-582E-4A4F-A756-4AD8F3DDDC4D}"/>
          </ac:spMkLst>
        </pc:spChg>
        <pc:spChg chg="mod">
          <ac:chgData name="Merve Turhan" userId="3594cd17-5953-4511-8d53-8cfc799250e7" providerId="ADAL" clId="{62B45B21-8CAF-4434-97F4-76A23BC920DD}" dt="2021-10-05T02:28:49.657" v="691" actId="790"/>
          <ac:spMkLst>
            <pc:docMk/>
            <pc:sldMk cId="1123091943" sldId="281"/>
            <ac:spMk id="13" creationId="{08A21DE4-B805-4873-B5BA-4A73AD18379D}"/>
          </ac:spMkLst>
        </pc:spChg>
        <pc:spChg chg="mod">
          <ac:chgData name="Merve Turhan" userId="3594cd17-5953-4511-8d53-8cfc799250e7" providerId="ADAL" clId="{62B45B21-8CAF-4434-97F4-76A23BC920DD}" dt="2021-10-05T02:28:49.658" v="692" actId="790"/>
          <ac:spMkLst>
            <pc:docMk/>
            <pc:sldMk cId="1123091943" sldId="281"/>
            <ac:spMk id="15" creationId="{0038BE6A-DD1B-4702-9CF4-1EAAFF77755D}"/>
          </ac:spMkLst>
        </pc:spChg>
        <pc:spChg chg="mod">
          <ac:chgData name="Merve Turhan" userId="3594cd17-5953-4511-8d53-8cfc799250e7" providerId="ADAL" clId="{62B45B21-8CAF-4434-97F4-76A23BC920DD}" dt="2021-10-05T02:28:49.658" v="693" actId="790"/>
          <ac:spMkLst>
            <pc:docMk/>
            <pc:sldMk cId="1123091943" sldId="281"/>
            <ac:spMk id="18" creationId="{3C241A8D-8B6D-426C-BCF0-FADC10C4B297}"/>
          </ac:spMkLst>
        </pc:spChg>
        <pc:spChg chg="mod">
          <ac:chgData name="Merve Turhan" userId="3594cd17-5953-4511-8d53-8cfc799250e7" providerId="ADAL" clId="{62B45B21-8CAF-4434-97F4-76A23BC920DD}" dt="2021-10-05T02:28:49.659" v="694" actId="790"/>
          <ac:spMkLst>
            <pc:docMk/>
            <pc:sldMk cId="1123091943" sldId="281"/>
            <ac:spMk id="47" creationId="{A444EC45-5402-4A9F-A354-B0E529ACB13D}"/>
          </ac:spMkLst>
        </pc:spChg>
        <pc:spChg chg="mod">
          <ac:chgData name="Merve Turhan" userId="3594cd17-5953-4511-8d53-8cfc799250e7" providerId="ADAL" clId="{62B45B21-8CAF-4434-97F4-76A23BC920DD}" dt="2021-10-05T02:28:49.660" v="695" actId="790"/>
          <ac:spMkLst>
            <pc:docMk/>
            <pc:sldMk cId="1123091943" sldId="281"/>
            <ac:spMk id="48" creationId="{999D86F3-E027-4E42-9E8B-F72B3FC4B5B6}"/>
          </ac:spMkLst>
        </pc:spChg>
        <pc:spChg chg="mod">
          <ac:chgData name="Merve Turhan" userId="3594cd17-5953-4511-8d53-8cfc799250e7" providerId="ADAL" clId="{62B45B21-8CAF-4434-97F4-76A23BC920DD}" dt="2021-10-05T02:28:49.660" v="696" actId="790"/>
          <ac:spMkLst>
            <pc:docMk/>
            <pc:sldMk cId="1123091943" sldId="281"/>
            <ac:spMk id="51" creationId="{46E47EB0-814A-440B-88BA-15DFC0024E09}"/>
          </ac:spMkLst>
        </pc:spChg>
        <pc:spChg chg="mod">
          <ac:chgData name="Merve Turhan" userId="3594cd17-5953-4511-8d53-8cfc799250e7" providerId="ADAL" clId="{62B45B21-8CAF-4434-97F4-76A23BC920DD}" dt="2021-10-05T02:28:49.661" v="697" actId="790"/>
          <ac:spMkLst>
            <pc:docMk/>
            <pc:sldMk cId="1123091943" sldId="281"/>
            <ac:spMk id="52" creationId="{67B92745-BA9D-4FE4-82CE-C79A4461E6FF}"/>
          </ac:spMkLst>
        </pc:spChg>
        <pc:spChg chg="mod">
          <ac:chgData name="Merve Turhan" userId="3594cd17-5953-4511-8d53-8cfc799250e7" providerId="ADAL" clId="{62B45B21-8CAF-4434-97F4-76A23BC920DD}" dt="2021-10-05T02:28:49.662" v="698" actId="790"/>
          <ac:spMkLst>
            <pc:docMk/>
            <pc:sldMk cId="1123091943" sldId="281"/>
            <ac:spMk id="53" creationId="{68E0B971-217B-4549-8F13-2020A5E38283}"/>
          </ac:spMkLst>
        </pc:spChg>
        <pc:spChg chg="mod">
          <ac:chgData name="Merve Turhan" userId="3594cd17-5953-4511-8d53-8cfc799250e7" providerId="ADAL" clId="{62B45B21-8CAF-4434-97F4-76A23BC920DD}" dt="2021-10-05T02:28:49.664" v="699" actId="790"/>
          <ac:spMkLst>
            <pc:docMk/>
            <pc:sldMk cId="1123091943" sldId="281"/>
            <ac:spMk id="57" creationId="{EAFBA49C-B9F6-4D48-84E5-C0E4AA709D33}"/>
          </ac:spMkLst>
        </pc:spChg>
        <pc:spChg chg="mod">
          <ac:chgData name="Merve Turhan" userId="3594cd17-5953-4511-8d53-8cfc799250e7" providerId="ADAL" clId="{62B45B21-8CAF-4434-97F4-76A23BC920DD}" dt="2021-10-05T02:28:49.665" v="700" actId="790"/>
          <ac:spMkLst>
            <pc:docMk/>
            <pc:sldMk cId="1123091943" sldId="281"/>
            <ac:spMk id="58" creationId="{C5CBE7A6-CD10-48E2-8A62-DF66D68584AD}"/>
          </ac:spMkLst>
        </pc:spChg>
        <pc:spChg chg="mod">
          <ac:chgData name="Merve Turhan" userId="3594cd17-5953-4511-8d53-8cfc799250e7" providerId="ADAL" clId="{62B45B21-8CAF-4434-97F4-76A23BC920DD}" dt="2021-10-05T02:28:49.667" v="701" actId="790"/>
          <ac:spMkLst>
            <pc:docMk/>
            <pc:sldMk cId="1123091943" sldId="281"/>
            <ac:spMk id="59" creationId="{37DE7DF0-71AB-482C-9918-26E1B71B5730}"/>
          </ac:spMkLst>
        </pc:spChg>
        <pc:spChg chg="mod">
          <ac:chgData name="Merve Turhan" userId="3594cd17-5953-4511-8d53-8cfc799250e7" providerId="ADAL" clId="{62B45B21-8CAF-4434-97F4-76A23BC920DD}" dt="2021-10-05T02:28:49.668" v="702" actId="790"/>
          <ac:spMkLst>
            <pc:docMk/>
            <pc:sldMk cId="1123091943" sldId="281"/>
            <ac:spMk id="60" creationId="{CD4E6E8C-1624-451B-854A-408F3327E4FE}"/>
          </ac:spMkLst>
        </pc:spChg>
        <pc:spChg chg="mod">
          <ac:chgData name="Merve Turhan" userId="3594cd17-5953-4511-8d53-8cfc799250e7" providerId="ADAL" clId="{62B45B21-8CAF-4434-97F4-76A23BC920DD}" dt="2021-10-05T02:28:49.669" v="703" actId="790"/>
          <ac:spMkLst>
            <pc:docMk/>
            <pc:sldMk cId="1123091943" sldId="281"/>
            <ac:spMk id="62" creationId="{F7A62762-7157-4C57-BFDA-E2888414E531}"/>
          </ac:spMkLst>
        </pc:spChg>
        <pc:spChg chg="mod">
          <ac:chgData name="Merve Turhan" userId="3594cd17-5953-4511-8d53-8cfc799250e7" providerId="ADAL" clId="{62B45B21-8CAF-4434-97F4-76A23BC920DD}" dt="2021-10-12T08:53:08.949" v="2889" actId="13822"/>
          <ac:spMkLst>
            <pc:docMk/>
            <pc:sldMk cId="1123091943" sldId="281"/>
            <ac:spMk id="63" creationId="{28C59640-717C-4558-9B60-A5833A62B9AE}"/>
          </ac:spMkLst>
        </pc:spChg>
        <pc:spChg chg="mod">
          <ac:chgData name="Merve Turhan" userId="3594cd17-5953-4511-8d53-8cfc799250e7" providerId="ADAL" clId="{62B45B21-8CAF-4434-97F4-76A23BC920DD}" dt="2021-10-05T02:28:49.670" v="705" actId="790"/>
          <ac:spMkLst>
            <pc:docMk/>
            <pc:sldMk cId="1123091943" sldId="281"/>
            <ac:spMk id="64" creationId="{02FF3FBD-4050-40B4-BE95-E36ABB6D59FB}"/>
          </ac:spMkLst>
        </pc:spChg>
        <pc:spChg chg="mod">
          <ac:chgData name="Merve Turhan" userId="3594cd17-5953-4511-8d53-8cfc799250e7" providerId="ADAL" clId="{62B45B21-8CAF-4434-97F4-76A23BC920DD}" dt="2021-10-12T08:53:13.199" v="2890" actId="13822"/>
          <ac:spMkLst>
            <pc:docMk/>
            <pc:sldMk cId="1123091943" sldId="281"/>
            <ac:spMk id="65" creationId="{2DBB6329-BC27-4865-A045-F284899D833F}"/>
          </ac:spMkLst>
        </pc:spChg>
        <pc:spChg chg="mod">
          <ac:chgData name="Merve Turhan" userId="3594cd17-5953-4511-8d53-8cfc799250e7" providerId="ADAL" clId="{62B45B21-8CAF-4434-97F4-76A23BC920DD}" dt="2021-10-12T08:53:18.671" v="2891" actId="13822"/>
          <ac:spMkLst>
            <pc:docMk/>
            <pc:sldMk cId="1123091943" sldId="281"/>
            <ac:spMk id="66" creationId="{DE74D8A0-2A32-494E-9531-D0071B1F3B64}"/>
          </ac:spMkLst>
        </pc:spChg>
        <pc:spChg chg="mod">
          <ac:chgData name="Merve Turhan" userId="3594cd17-5953-4511-8d53-8cfc799250e7" providerId="ADAL" clId="{62B45B21-8CAF-4434-97F4-76A23BC920DD}" dt="2021-10-05T02:28:49.673" v="708" actId="790"/>
          <ac:spMkLst>
            <pc:docMk/>
            <pc:sldMk cId="1123091943" sldId="281"/>
            <ac:spMk id="67" creationId="{9A0186D4-9ABC-49C7-869F-9EC57A15B14E}"/>
          </ac:spMkLst>
        </pc:spChg>
        <pc:spChg chg="mod">
          <ac:chgData name="Merve Turhan" userId="3594cd17-5953-4511-8d53-8cfc799250e7" providerId="ADAL" clId="{62B45B21-8CAF-4434-97F4-76A23BC920DD}" dt="2021-10-12T08:53:23.161" v="2892" actId="13822"/>
          <ac:spMkLst>
            <pc:docMk/>
            <pc:sldMk cId="1123091943" sldId="281"/>
            <ac:spMk id="68" creationId="{CE8325FD-7838-40C8-97C1-197C9951A89C}"/>
          </ac:spMkLst>
        </pc:spChg>
        <pc:spChg chg="mod">
          <ac:chgData name="Merve Turhan" userId="3594cd17-5953-4511-8d53-8cfc799250e7" providerId="ADAL" clId="{62B45B21-8CAF-4434-97F4-76A23BC920DD}" dt="2021-10-13T20:33:39.060" v="3072" actId="1076"/>
          <ac:spMkLst>
            <pc:docMk/>
            <pc:sldMk cId="1123091943" sldId="281"/>
            <ac:spMk id="69" creationId="{FD7524DA-B7AB-46D5-B553-C94B7E7E738F}"/>
          </ac:spMkLst>
        </pc:spChg>
        <pc:spChg chg="mod">
          <ac:chgData name="Merve Turhan" userId="3594cd17-5953-4511-8d53-8cfc799250e7" providerId="ADAL" clId="{62B45B21-8CAF-4434-97F4-76A23BC920DD}" dt="2021-10-05T02:28:49.674" v="711" actId="790"/>
          <ac:spMkLst>
            <pc:docMk/>
            <pc:sldMk cId="1123091943" sldId="281"/>
            <ac:spMk id="70" creationId="{C376F59B-F1BB-475C-BCC8-78F3F3D1DC8A}"/>
          </ac:spMkLst>
        </pc:spChg>
        <pc:spChg chg="mod">
          <ac:chgData name="Merve Turhan" userId="3594cd17-5953-4511-8d53-8cfc799250e7" providerId="ADAL" clId="{62B45B21-8CAF-4434-97F4-76A23BC920DD}" dt="2021-10-05T02:28:49.682" v="712" actId="790"/>
          <ac:spMkLst>
            <pc:docMk/>
            <pc:sldMk cId="1123091943" sldId="281"/>
            <ac:spMk id="72" creationId="{850B3C9B-220A-473E-908B-A15F135F6E49}"/>
          </ac:spMkLst>
        </pc:spChg>
        <pc:spChg chg="mod">
          <ac:chgData name="Merve Turhan" userId="3594cd17-5953-4511-8d53-8cfc799250e7" providerId="ADAL" clId="{62B45B21-8CAF-4434-97F4-76A23BC920DD}" dt="2021-10-05T02:28:49.683" v="713" actId="790"/>
          <ac:spMkLst>
            <pc:docMk/>
            <pc:sldMk cId="1123091943" sldId="281"/>
            <ac:spMk id="75" creationId="{D7597967-CF85-4789-9058-A471D789AC3C}"/>
          </ac:spMkLst>
        </pc:spChg>
        <pc:spChg chg="mod">
          <ac:chgData name="Merve Turhan" userId="3594cd17-5953-4511-8d53-8cfc799250e7" providerId="ADAL" clId="{62B45B21-8CAF-4434-97F4-76A23BC920DD}" dt="2021-10-05T02:28:49.684" v="714" actId="790"/>
          <ac:spMkLst>
            <pc:docMk/>
            <pc:sldMk cId="1123091943" sldId="281"/>
            <ac:spMk id="76" creationId="{6279DF99-4B74-4573-AA0C-F7D9B52C479A}"/>
          </ac:spMkLst>
        </pc:spChg>
        <pc:spChg chg="mod">
          <ac:chgData name="Merve Turhan" userId="3594cd17-5953-4511-8d53-8cfc799250e7" providerId="ADAL" clId="{62B45B21-8CAF-4434-97F4-76A23BC920DD}" dt="2021-10-05T02:28:49.685" v="715" actId="790"/>
          <ac:spMkLst>
            <pc:docMk/>
            <pc:sldMk cId="1123091943" sldId="281"/>
            <ac:spMk id="77" creationId="{3CEC7E39-9945-4E82-9738-175E8F859695}"/>
          </ac:spMkLst>
        </pc:spChg>
        <pc:spChg chg="mod">
          <ac:chgData name="Merve Turhan" userId="3594cd17-5953-4511-8d53-8cfc799250e7" providerId="ADAL" clId="{62B45B21-8CAF-4434-97F4-76A23BC920DD}" dt="2021-10-05T02:28:49.685" v="716" actId="790"/>
          <ac:spMkLst>
            <pc:docMk/>
            <pc:sldMk cId="1123091943" sldId="281"/>
            <ac:spMk id="78" creationId="{31B97DF3-A3DC-4B42-B3D2-F3C271518B87}"/>
          </ac:spMkLst>
        </pc:spChg>
        <pc:spChg chg="mod">
          <ac:chgData name="Merve Turhan" userId="3594cd17-5953-4511-8d53-8cfc799250e7" providerId="ADAL" clId="{62B45B21-8CAF-4434-97F4-76A23BC920DD}" dt="2021-10-05T02:28:49.686" v="717" actId="790"/>
          <ac:spMkLst>
            <pc:docMk/>
            <pc:sldMk cId="1123091943" sldId="281"/>
            <ac:spMk id="80" creationId="{50AD2ED4-33E5-4CAE-9DC7-23CFCB615D27}"/>
          </ac:spMkLst>
        </pc:spChg>
        <pc:spChg chg="mod">
          <ac:chgData name="Merve Turhan" userId="3594cd17-5953-4511-8d53-8cfc799250e7" providerId="ADAL" clId="{62B45B21-8CAF-4434-97F4-76A23BC920DD}" dt="2021-10-05T02:28:49.687" v="718" actId="790"/>
          <ac:spMkLst>
            <pc:docMk/>
            <pc:sldMk cId="1123091943" sldId="281"/>
            <ac:spMk id="85" creationId="{7AECBAC8-A900-439A-833B-B929C08C67EF}"/>
          </ac:spMkLst>
        </pc:spChg>
        <pc:spChg chg="mod">
          <ac:chgData name="Merve Turhan" userId="3594cd17-5953-4511-8d53-8cfc799250e7" providerId="ADAL" clId="{62B45B21-8CAF-4434-97F4-76A23BC920DD}" dt="2021-10-05T02:28:49.687" v="719" actId="790"/>
          <ac:spMkLst>
            <pc:docMk/>
            <pc:sldMk cId="1123091943" sldId="281"/>
            <ac:spMk id="86" creationId="{648F0643-40A2-4537-A9E0-24D40C469969}"/>
          </ac:spMkLst>
        </pc:spChg>
        <pc:spChg chg="mod">
          <ac:chgData name="Merve Turhan" userId="3594cd17-5953-4511-8d53-8cfc799250e7" providerId="ADAL" clId="{62B45B21-8CAF-4434-97F4-76A23BC920DD}" dt="2021-10-05T02:28:49.688" v="720" actId="790"/>
          <ac:spMkLst>
            <pc:docMk/>
            <pc:sldMk cId="1123091943" sldId="281"/>
            <ac:spMk id="87" creationId="{1DBBD052-2F1C-4A0C-91F0-B9EAC9A6B68E}"/>
          </ac:spMkLst>
        </pc:spChg>
        <pc:spChg chg="add del mod">
          <ac:chgData name="Merve Turhan" userId="3594cd17-5953-4511-8d53-8cfc799250e7" providerId="ADAL" clId="{62B45B21-8CAF-4434-97F4-76A23BC920DD}" dt="2021-10-13T20:32:57.223" v="3071" actId="13822"/>
          <ac:spMkLst>
            <pc:docMk/>
            <pc:sldMk cId="1123091943" sldId="281"/>
            <ac:spMk id="96" creationId="{2D81C802-E5B2-4E08-B5FA-B64971D4F617}"/>
          </ac:spMkLst>
        </pc:spChg>
        <pc:spChg chg="mod">
          <ac:chgData name="Merve Turhan" userId="3594cd17-5953-4511-8d53-8cfc799250e7" providerId="ADAL" clId="{62B45B21-8CAF-4434-97F4-76A23BC920DD}" dt="2021-10-05T02:28:49.689" v="722" actId="790"/>
          <ac:spMkLst>
            <pc:docMk/>
            <pc:sldMk cId="1123091943" sldId="281"/>
            <ac:spMk id="100" creationId="{F04A44F7-66E4-4D6C-A00E-33E3B3D0BDF8}"/>
          </ac:spMkLst>
        </pc:spChg>
        <pc:spChg chg="mod">
          <ac:chgData name="Merve Turhan" userId="3594cd17-5953-4511-8d53-8cfc799250e7" providerId="ADAL" clId="{62B45B21-8CAF-4434-97F4-76A23BC920DD}" dt="2021-10-12T08:53:31.062" v="2894" actId="13822"/>
          <ac:spMkLst>
            <pc:docMk/>
            <pc:sldMk cId="1123091943" sldId="281"/>
            <ac:spMk id="101" creationId="{4D5FC1FE-124F-4A50-A5D2-43AE5B354C62}"/>
          </ac:spMkLst>
        </pc:spChg>
        <pc:spChg chg="mod">
          <ac:chgData name="Merve Turhan" userId="3594cd17-5953-4511-8d53-8cfc799250e7" providerId="ADAL" clId="{62B45B21-8CAF-4434-97F4-76A23BC920DD}" dt="2021-10-05T02:28:49.690" v="724" actId="790"/>
          <ac:spMkLst>
            <pc:docMk/>
            <pc:sldMk cId="1123091943" sldId="281"/>
            <ac:spMk id="104" creationId="{3DEB674D-16B3-4680-8D58-F41B98796673}"/>
          </ac:spMkLst>
        </pc:spChg>
        <pc:spChg chg="mod">
          <ac:chgData name="Merve Turhan" userId="3594cd17-5953-4511-8d53-8cfc799250e7" providerId="ADAL" clId="{62B45B21-8CAF-4434-97F4-76A23BC920DD}" dt="2021-10-05T02:28:49.691" v="725" actId="790"/>
          <ac:spMkLst>
            <pc:docMk/>
            <pc:sldMk cId="1123091943" sldId="281"/>
            <ac:spMk id="105" creationId="{1A578FC7-1B81-42E5-AF8F-DA8DDDAB5E80}"/>
          </ac:spMkLst>
        </pc:spChg>
        <pc:picChg chg="add del mod">
          <ac:chgData name="Merve Turhan" userId="3594cd17-5953-4511-8d53-8cfc799250e7" providerId="ADAL" clId="{62B45B21-8CAF-4434-97F4-76A23BC920DD}" dt="2021-10-10T14:50:34.203" v="2381" actId="478"/>
          <ac:picMkLst>
            <pc:docMk/>
            <pc:sldMk cId="1123091943" sldId="281"/>
            <ac:picMk id="71" creationId="{69669F15-5BD4-450D-ADA2-5C5A845095BD}"/>
          </ac:picMkLst>
        </pc:picChg>
        <pc:picChg chg="add del mod">
          <ac:chgData name="Merve Turhan" userId="3594cd17-5953-4511-8d53-8cfc799250e7" providerId="ADAL" clId="{62B45B21-8CAF-4434-97F4-76A23BC920DD}" dt="2021-10-10T14:55:09.498" v="2436" actId="478"/>
          <ac:picMkLst>
            <pc:docMk/>
            <pc:sldMk cId="1123091943" sldId="281"/>
            <ac:picMk id="73" creationId="{F8634B9D-296C-4F53-80F3-C82F64D4CC6D}"/>
          </ac:picMkLst>
        </pc:picChg>
        <pc:picChg chg="add del mod">
          <ac:chgData name="Merve Turhan" userId="3594cd17-5953-4511-8d53-8cfc799250e7" providerId="ADAL" clId="{62B45B21-8CAF-4434-97F4-76A23BC920DD}" dt="2021-10-13T20:32:51.055" v="3069"/>
          <ac:picMkLst>
            <pc:docMk/>
            <pc:sldMk cId="1123091943" sldId="281"/>
            <ac:picMk id="74" creationId="{8603470C-6AEF-48E5-9C94-3B3591EC3692}"/>
          </ac:picMkLst>
        </pc:picChg>
      </pc:sldChg>
      <pc:sldChg chg="modSp del mod ord addCm modCm">
        <pc:chgData name="Merve Turhan" userId="3594cd17-5953-4511-8d53-8cfc799250e7" providerId="ADAL" clId="{62B45B21-8CAF-4434-97F4-76A23BC920DD}" dt="2021-10-13T20:46:50.083" v="3083" actId="47"/>
        <pc:sldMkLst>
          <pc:docMk/>
          <pc:sldMk cId="2776472118" sldId="283"/>
        </pc:sldMkLst>
        <pc:spChg chg="mod">
          <ac:chgData name="Merve Turhan" userId="3594cd17-5953-4511-8d53-8cfc799250e7" providerId="ADAL" clId="{62B45B21-8CAF-4434-97F4-76A23BC920DD}" dt="2021-10-12T17:57:30.056" v="2962" actId="20577"/>
          <ac:spMkLst>
            <pc:docMk/>
            <pc:sldMk cId="2776472118" sldId="283"/>
            <ac:spMk id="2" creationId="{145A5B86-CDEE-4EAD-814B-D0C826FD40F3}"/>
          </ac:spMkLst>
        </pc:spChg>
        <pc:spChg chg="mod">
          <ac:chgData name="Merve Turhan" userId="3594cd17-5953-4511-8d53-8cfc799250e7" providerId="ADAL" clId="{62B45B21-8CAF-4434-97F4-76A23BC920DD}" dt="2021-10-05T02:28:49.697" v="728" actId="790"/>
          <ac:spMkLst>
            <pc:docMk/>
            <pc:sldMk cId="2776472118" sldId="283"/>
            <ac:spMk id="3" creationId="{0725F03B-7FF5-4B82-84E1-122CEE6079CC}"/>
          </ac:spMkLst>
        </pc:spChg>
        <pc:picChg chg="mod">
          <ac:chgData name="Merve Turhan" userId="3594cd17-5953-4511-8d53-8cfc799250e7" providerId="ADAL" clId="{62B45B21-8CAF-4434-97F4-76A23BC920DD}" dt="2021-10-13T20:46:19.272" v="3080" actId="1076"/>
          <ac:picMkLst>
            <pc:docMk/>
            <pc:sldMk cId="2776472118" sldId="283"/>
            <ac:picMk id="6" creationId="{BA54C2A3-8326-432D-937B-76646B5EEDD0}"/>
          </ac:picMkLst>
        </pc:picChg>
        <pc:picChg chg="mod">
          <ac:chgData name="Merve Turhan" userId="3594cd17-5953-4511-8d53-8cfc799250e7" providerId="ADAL" clId="{62B45B21-8CAF-4434-97F4-76A23BC920DD}" dt="2021-10-13T20:46:24.687" v="3082" actId="1076"/>
          <ac:picMkLst>
            <pc:docMk/>
            <pc:sldMk cId="2776472118" sldId="283"/>
            <ac:picMk id="8" creationId="{9AECE520-82B5-4739-9DFB-58F0059E3F88}"/>
          </ac:picMkLst>
        </pc:picChg>
      </pc:sldChg>
      <pc:sldChg chg="modSp mod addCm modCm">
        <pc:chgData name="Merve Turhan" userId="3594cd17-5953-4511-8d53-8cfc799250e7" providerId="ADAL" clId="{62B45B21-8CAF-4434-97F4-76A23BC920DD}" dt="2021-10-11T15:30:36.002" v="2752"/>
        <pc:sldMkLst>
          <pc:docMk/>
          <pc:sldMk cId="4087815578" sldId="284"/>
        </pc:sldMkLst>
        <pc:spChg chg="mod">
          <ac:chgData name="Merve Turhan" userId="3594cd17-5953-4511-8d53-8cfc799250e7" providerId="ADAL" clId="{62B45B21-8CAF-4434-97F4-76A23BC920DD}" dt="2021-10-05T02:28:49.633" v="674" actId="790"/>
          <ac:spMkLst>
            <pc:docMk/>
            <pc:sldMk cId="4087815578" sldId="284"/>
            <ac:spMk id="2" creationId="{AC7AA6BE-0364-4AEA-8A98-C1830827F0E3}"/>
          </ac:spMkLst>
        </pc:spChg>
        <pc:spChg chg="mod">
          <ac:chgData name="Merve Turhan" userId="3594cd17-5953-4511-8d53-8cfc799250e7" providerId="ADAL" clId="{62B45B21-8CAF-4434-97F4-76A23BC920DD}" dt="2021-10-05T02:43:38.087" v="1326" actId="20577"/>
          <ac:spMkLst>
            <pc:docMk/>
            <pc:sldMk cId="4087815578" sldId="284"/>
            <ac:spMk id="3" creationId="{C5B8305D-FDF3-4D96-BB9A-FED3F2479482}"/>
          </ac:spMkLst>
        </pc:spChg>
      </pc:sldChg>
      <pc:sldChg chg="addSp delSp modSp mod ord">
        <pc:chgData name="Merve Turhan" userId="3594cd17-5953-4511-8d53-8cfc799250e7" providerId="ADAL" clId="{62B45B21-8CAF-4434-97F4-76A23BC920DD}" dt="2021-10-18T09:32:11.377" v="5788" actId="20577"/>
        <pc:sldMkLst>
          <pc:docMk/>
          <pc:sldMk cId="1112123526" sldId="285"/>
        </pc:sldMkLst>
        <pc:spChg chg="mod">
          <ac:chgData name="Merve Turhan" userId="3594cd17-5953-4511-8d53-8cfc799250e7" providerId="ADAL" clId="{62B45B21-8CAF-4434-97F4-76A23BC920DD}" dt="2021-10-16T20:59:05.297" v="4041"/>
          <ac:spMkLst>
            <pc:docMk/>
            <pc:sldMk cId="1112123526" sldId="285"/>
            <ac:spMk id="2" creationId="{0B8A7082-DB17-45FC-A3F5-45FD2AA6C076}"/>
          </ac:spMkLst>
        </pc:spChg>
        <pc:spChg chg="mod">
          <ac:chgData name="Merve Turhan" userId="3594cd17-5953-4511-8d53-8cfc799250e7" providerId="ADAL" clId="{62B45B21-8CAF-4434-97F4-76A23BC920DD}" dt="2021-10-18T09:32:11.377" v="5788" actId="20577"/>
          <ac:spMkLst>
            <pc:docMk/>
            <pc:sldMk cId="1112123526" sldId="285"/>
            <ac:spMk id="3" creationId="{3E5B23EB-C8CD-4D5E-BE6C-FB30EB007902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4" creationId="{476694C2-AE53-47F3-A2CD-DC95CB2AC06E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5" creationId="{DBBDAAF0-C257-42E8-8778-33F369095B08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6" creationId="{73F28F7C-FDB7-4C54-B643-59C95F1891CF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7" creationId="{F588C0D0-1BBC-4CD2-94F9-68F2F5734F5A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8" creationId="{2DC050C8-8D7A-4E39-817D-9374CDFC2110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9" creationId="{B27B1656-AEED-43A4-B4E9-9779CB184DB2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10" creationId="{8EDE5C98-4FEE-4E38-86E4-37D4A2FF80EB}"/>
          </ac:spMkLst>
        </pc:spChg>
        <pc:spChg chg="add del mod">
          <ac:chgData name="Merve Turhan" userId="3594cd17-5953-4511-8d53-8cfc799250e7" providerId="ADAL" clId="{62B45B21-8CAF-4434-97F4-76A23BC920DD}" dt="2021-10-17T17:02:51.884" v="4716" actId="478"/>
          <ac:spMkLst>
            <pc:docMk/>
            <pc:sldMk cId="1112123526" sldId="285"/>
            <ac:spMk id="11" creationId="{2F884129-1B54-4EF7-A4C4-C08699850ED8}"/>
          </ac:spMkLst>
        </pc:spChg>
        <pc:spChg chg="add mod">
          <ac:chgData name="Merve Turhan" userId="3594cd17-5953-4511-8d53-8cfc799250e7" providerId="ADAL" clId="{62B45B21-8CAF-4434-97F4-76A23BC920DD}" dt="2021-10-17T17:04:07.212" v="4721" actId="13822"/>
          <ac:spMkLst>
            <pc:docMk/>
            <pc:sldMk cId="1112123526" sldId="285"/>
            <ac:spMk id="12" creationId="{135A7844-A687-4231-94A7-367383059625}"/>
          </ac:spMkLst>
        </pc:spChg>
        <pc:spChg chg="add mod">
          <ac:chgData name="Merve Turhan" userId="3594cd17-5953-4511-8d53-8cfc799250e7" providerId="ADAL" clId="{62B45B21-8CAF-4434-97F4-76A23BC920DD}" dt="2021-10-17T17:04:25.089" v="4724" actId="767"/>
          <ac:spMkLst>
            <pc:docMk/>
            <pc:sldMk cId="1112123526" sldId="285"/>
            <ac:spMk id="13" creationId="{0701518D-15A6-408F-9BBA-9571C85F81D4}"/>
          </ac:spMkLst>
        </pc:spChg>
        <pc:spChg chg="add mod">
          <ac:chgData name="Merve Turhan" userId="3594cd17-5953-4511-8d53-8cfc799250e7" providerId="ADAL" clId="{62B45B21-8CAF-4434-97F4-76A23BC920DD}" dt="2021-10-18T06:27:53.114" v="5013"/>
          <ac:spMkLst>
            <pc:docMk/>
            <pc:sldMk cId="1112123526" sldId="285"/>
            <ac:spMk id="14" creationId="{B7AF1829-1784-4A90-8EAE-82C365FEA5F0}"/>
          </ac:spMkLst>
        </pc:spChg>
        <pc:spChg chg="add mod">
          <ac:chgData name="Merve Turhan" userId="3594cd17-5953-4511-8d53-8cfc799250e7" providerId="ADAL" clId="{62B45B21-8CAF-4434-97F4-76A23BC920DD}" dt="2021-10-18T06:29:18.225" v="5060" actId="1076"/>
          <ac:spMkLst>
            <pc:docMk/>
            <pc:sldMk cId="1112123526" sldId="285"/>
            <ac:spMk id="15" creationId="{5CDC02B3-D110-4E46-BBE3-49B834C0C13B}"/>
          </ac:spMkLst>
        </pc:spChg>
        <pc:spChg chg="add mod">
          <ac:chgData name="Merve Turhan" userId="3594cd17-5953-4511-8d53-8cfc799250e7" providerId="ADAL" clId="{62B45B21-8CAF-4434-97F4-76A23BC920DD}" dt="2021-10-18T06:28:45.713" v="5051" actId="20577"/>
          <ac:spMkLst>
            <pc:docMk/>
            <pc:sldMk cId="1112123526" sldId="285"/>
            <ac:spMk id="20" creationId="{F0C152D9-48B8-4C7A-922E-1D35681EA555}"/>
          </ac:spMkLst>
        </pc:spChg>
        <pc:spChg chg="add mod">
          <ac:chgData name="Merve Turhan" userId="3594cd17-5953-4511-8d53-8cfc799250e7" providerId="ADAL" clId="{62B45B21-8CAF-4434-97F4-76A23BC920DD}" dt="2021-10-18T06:29:08.642" v="5058" actId="1076"/>
          <ac:spMkLst>
            <pc:docMk/>
            <pc:sldMk cId="1112123526" sldId="285"/>
            <ac:spMk id="21" creationId="{BD774571-FCA2-4D26-976D-712E3B2D008B}"/>
          </ac:spMkLst>
        </pc:spChg>
        <pc:spChg chg="mod">
          <ac:chgData name="Merve Turhan" userId="3594cd17-5953-4511-8d53-8cfc799250e7" providerId="ADAL" clId="{62B45B21-8CAF-4434-97F4-76A23BC920DD}" dt="2021-10-17T17:03:39.526" v="4717" actId="1076"/>
          <ac:spMkLst>
            <pc:docMk/>
            <pc:sldMk cId="1112123526" sldId="285"/>
            <ac:spMk id="23" creationId="{69C3123C-73E5-44C3-BE8D-F3DB941FC640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24" creationId="{BC40C7E2-5E17-436B-9232-E8E1774D4E8D}"/>
          </ac:spMkLst>
        </pc:spChg>
        <pc:spChg chg="mod">
          <ac:chgData name="Merve Turhan" userId="3594cd17-5953-4511-8d53-8cfc799250e7" providerId="ADAL" clId="{62B45B21-8CAF-4434-97F4-76A23BC920DD}" dt="2021-10-17T17:03:44.858" v="4718" actId="14100"/>
          <ac:spMkLst>
            <pc:docMk/>
            <pc:sldMk cId="1112123526" sldId="285"/>
            <ac:spMk id="28" creationId="{47703B0E-CD2F-42FB-ACAC-2653B940815F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29" creationId="{66E99AEB-A9A6-4B55-9CD2-58E90233E5C6}"/>
          </ac:spMkLst>
        </pc:spChg>
      </pc:sldChg>
      <pc:sldChg chg="addSp delSp modSp mod delAnim modAnim">
        <pc:chgData name="Merve Turhan" userId="3594cd17-5953-4511-8d53-8cfc799250e7" providerId="ADAL" clId="{62B45B21-8CAF-4434-97F4-76A23BC920DD}" dt="2021-10-18T09:44:42.386" v="5789" actId="14"/>
        <pc:sldMkLst>
          <pc:docMk/>
          <pc:sldMk cId="366905889" sldId="286"/>
        </pc:sldMkLst>
        <pc:spChg chg="mod">
          <ac:chgData name="Merve Turhan" userId="3594cd17-5953-4511-8d53-8cfc799250e7" providerId="ADAL" clId="{62B45B21-8CAF-4434-97F4-76A23BC920DD}" dt="2021-10-14T07:18:32.680" v="3223" actId="20577"/>
          <ac:spMkLst>
            <pc:docMk/>
            <pc:sldMk cId="366905889" sldId="286"/>
            <ac:spMk id="2" creationId="{145A5B86-CDEE-4EAD-814B-D0C826FD40F3}"/>
          </ac:spMkLst>
        </pc:spChg>
        <pc:spChg chg="mod">
          <ac:chgData name="Merve Turhan" userId="3594cd17-5953-4511-8d53-8cfc799250e7" providerId="ADAL" clId="{62B45B21-8CAF-4434-97F4-76A23BC920DD}" dt="2021-10-18T09:44:42.386" v="5789" actId="14"/>
          <ac:spMkLst>
            <pc:docMk/>
            <pc:sldMk cId="366905889" sldId="286"/>
            <ac:spMk id="3" creationId="{0725F03B-7FF5-4B82-84E1-122CEE6079CC}"/>
          </ac:spMkLst>
        </pc:spChg>
        <pc:spChg chg="mod">
          <ac:chgData name="Merve Turhan" userId="3594cd17-5953-4511-8d53-8cfc799250e7" providerId="ADAL" clId="{62B45B21-8CAF-4434-97F4-76A23BC920DD}" dt="2021-10-05T02:28:49.721" v="747"/>
          <ac:spMkLst>
            <pc:docMk/>
            <pc:sldMk cId="366905889" sldId="286"/>
            <ac:spMk id="5" creationId="{C0E43549-C2F3-4226-8CF6-5A3B88C76930}"/>
          </ac:spMkLst>
        </pc:spChg>
        <pc:spChg chg="mod">
          <ac:chgData name="Merve Turhan" userId="3594cd17-5953-4511-8d53-8cfc799250e7" providerId="ADAL" clId="{62B45B21-8CAF-4434-97F4-76A23BC920DD}" dt="2021-10-05T02:28:49.721" v="746" actId="790"/>
          <ac:spMkLst>
            <pc:docMk/>
            <pc:sldMk cId="366905889" sldId="286"/>
            <ac:spMk id="6" creationId="{0BF68993-B3F5-44AD-A7C7-CD355E77AE73}"/>
          </ac:spMkLst>
        </pc:spChg>
        <pc:spChg chg="mod">
          <ac:chgData name="Merve Turhan" userId="3594cd17-5953-4511-8d53-8cfc799250e7" providerId="ADAL" clId="{62B45B21-8CAF-4434-97F4-76A23BC920DD}" dt="2021-10-05T02:28:49.722" v="748"/>
          <ac:spMkLst>
            <pc:docMk/>
            <pc:sldMk cId="366905889" sldId="286"/>
            <ac:spMk id="7" creationId="{8C106D0A-D965-4685-BB94-2ACB5AF9597B}"/>
          </ac:spMkLst>
        </pc:spChg>
        <pc:spChg chg="mod">
          <ac:chgData name="Merve Turhan" userId="3594cd17-5953-4511-8d53-8cfc799250e7" providerId="ADAL" clId="{62B45B21-8CAF-4434-97F4-76A23BC920DD}" dt="2021-10-12T08:54:12.453" v="2897" actId="13822"/>
          <ac:spMkLst>
            <pc:docMk/>
            <pc:sldMk cId="366905889" sldId="286"/>
            <ac:spMk id="8" creationId="{79D7E8FD-5ABF-4C09-B53D-EA9670B7FB8E}"/>
          </ac:spMkLst>
        </pc:spChg>
        <pc:spChg chg="mod">
          <ac:chgData name="Merve Turhan" userId="3594cd17-5953-4511-8d53-8cfc799250e7" providerId="ADAL" clId="{62B45B21-8CAF-4434-97F4-76A23BC920DD}" dt="2021-10-05T02:28:49.723" v="750"/>
          <ac:spMkLst>
            <pc:docMk/>
            <pc:sldMk cId="366905889" sldId="286"/>
            <ac:spMk id="9" creationId="{B01D6B3A-4943-432B-ABB6-0C8FFC81B081}"/>
          </ac:spMkLst>
        </pc:spChg>
        <pc:spChg chg="mod">
          <ac:chgData name="Merve Turhan" userId="3594cd17-5953-4511-8d53-8cfc799250e7" providerId="ADAL" clId="{62B45B21-8CAF-4434-97F4-76A23BC920DD}" dt="2021-10-12T08:54:16.432" v="2898" actId="13822"/>
          <ac:spMkLst>
            <pc:docMk/>
            <pc:sldMk cId="366905889" sldId="286"/>
            <ac:spMk id="10" creationId="{4241CF5A-E452-4CC5-A14B-161655AA5210}"/>
          </ac:spMkLst>
        </pc:spChg>
        <pc:spChg chg="mod">
          <ac:chgData name="Merve Turhan" userId="3594cd17-5953-4511-8d53-8cfc799250e7" providerId="ADAL" clId="{62B45B21-8CAF-4434-97F4-76A23BC920DD}" dt="2021-10-05T02:28:49.724" v="752"/>
          <ac:spMkLst>
            <pc:docMk/>
            <pc:sldMk cId="366905889" sldId="286"/>
            <ac:spMk id="12" creationId="{64BB2DB5-8C49-4D99-B31C-F12262415E5E}"/>
          </ac:spMkLst>
        </pc:spChg>
        <pc:spChg chg="mod">
          <ac:chgData name="Merve Turhan" userId="3594cd17-5953-4511-8d53-8cfc799250e7" providerId="ADAL" clId="{62B45B21-8CAF-4434-97F4-76A23BC920DD}" dt="2021-10-05T02:28:49.725" v="753" actId="790"/>
          <ac:spMkLst>
            <pc:docMk/>
            <pc:sldMk cId="366905889" sldId="286"/>
            <ac:spMk id="13" creationId="{C6C3BBBC-5107-4865-B187-2688BAFA356D}"/>
          </ac:spMkLst>
        </pc:spChg>
        <pc:spChg chg="add del mod">
          <ac:chgData name="Merve Turhan" userId="3594cd17-5953-4511-8d53-8cfc799250e7" providerId="ADAL" clId="{62B45B21-8CAF-4434-97F4-76A23BC920DD}" dt="2021-10-18T06:39:53.953" v="5173" actId="478"/>
          <ac:spMkLst>
            <pc:docMk/>
            <pc:sldMk cId="366905889" sldId="286"/>
            <ac:spMk id="14" creationId="{D1A1D889-F4E9-470E-9B52-D02AC9BE2F69}"/>
          </ac:spMkLst>
        </pc:spChg>
        <pc:spChg chg="del mod">
          <ac:chgData name="Merve Turhan" userId="3594cd17-5953-4511-8d53-8cfc799250e7" providerId="ADAL" clId="{62B45B21-8CAF-4434-97F4-76A23BC920DD}" dt="2021-10-14T07:19:08.013" v="3238" actId="478"/>
          <ac:spMkLst>
            <pc:docMk/>
            <pc:sldMk cId="366905889" sldId="286"/>
            <ac:spMk id="15" creationId="{4D94C26A-B224-43C2-AD0D-51BB7ACE6C66}"/>
          </ac:spMkLst>
        </pc:spChg>
        <pc:spChg chg="add mod">
          <ac:chgData name="Merve Turhan" userId="3594cd17-5953-4511-8d53-8cfc799250e7" providerId="ADAL" clId="{62B45B21-8CAF-4434-97F4-76A23BC920DD}" dt="2021-10-18T06:47:31.139" v="5296" actId="13822"/>
          <ac:spMkLst>
            <pc:docMk/>
            <pc:sldMk cId="366905889" sldId="286"/>
            <ac:spMk id="15" creationId="{7FA5CDBF-B92D-4B7B-A961-0C6F431FAA76}"/>
          </ac:spMkLst>
        </pc:spChg>
        <pc:spChg chg="add mod">
          <ac:chgData name="Merve Turhan" userId="3594cd17-5953-4511-8d53-8cfc799250e7" providerId="ADAL" clId="{62B45B21-8CAF-4434-97F4-76A23BC920DD}" dt="2021-10-18T06:40:49.890" v="5176" actId="1076"/>
          <ac:spMkLst>
            <pc:docMk/>
            <pc:sldMk cId="366905889" sldId="286"/>
            <ac:spMk id="16" creationId="{8C6D67DD-4DB8-4C3C-B5E3-89FDF6C95CEE}"/>
          </ac:spMkLst>
        </pc:spChg>
        <pc:spChg chg="mod">
          <ac:chgData name="Merve Turhan" userId="3594cd17-5953-4511-8d53-8cfc799250e7" providerId="ADAL" clId="{62B45B21-8CAF-4434-97F4-76A23BC920DD}" dt="2021-10-05T02:28:49.725" v="754"/>
          <ac:spMkLst>
            <pc:docMk/>
            <pc:sldMk cId="366905889" sldId="286"/>
            <ac:spMk id="17" creationId="{BEA32D59-A05B-40B6-824B-EF059F9DC62A}"/>
          </ac:spMkLst>
        </pc:spChg>
        <pc:spChg chg="mod">
          <ac:chgData name="Merve Turhan" userId="3594cd17-5953-4511-8d53-8cfc799250e7" providerId="ADAL" clId="{62B45B21-8CAF-4434-97F4-76A23BC920DD}" dt="2021-10-18T06:44:06.607" v="5288" actId="20577"/>
          <ac:spMkLst>
            <pc:docMk/>
            <pc:sldMk cId="366905889" sldId="286"/>
            <ac:spMk id="18" creationId="{B24DBF0D-EABE-46D6-9163-3A816515C754}"/>
          </ac:spMkLst>
        </pc:spChg>
        <pc:spChg chg="add mod">
          <ac:chgData name="Merve Turhan" userId="3594cd17-5953-4511-8d53-8cfc799250e7" providerId="ADAL" clId="{62B45B21-8CAF-4434-97F4-76A23BC920DD}" dt="2021-10-18T06:40:49.890" v="5176" actId="1076"/>
          <ac:spMkLst>
            <pc:docMk/>
            <pc:sldMk cId="366905889" sldId="286"/>
            <ac:spMk id="19" creationId="{2DE67F0F-390D-4EC9-A617-859D59C03ABA}"/>
          </ac:spMkLst>
        </pc:spChg>
        <pc:spChg chg="del mod">
          <ac:chgData name="Merve Turhan" userId="3594cd17-5953-4511-8d53-8cfc799250e7" providerId="ADAL" clId="{62B45B21-8CAF-4434-97F4-76A23BC920DD}" dt="2021-10-14T07:19:14.332" v="3240" actId="478"/>
          <ac:spMkLst>
            <pc:docMk/>
            <pc:sldMk cId="366905889" sldId="286"/>
            <ac:spMk id="20" creationId="{4120F6FF-A064-45F6-A472-0AA7C29BAAA3}"/>
          </ac:spMkLst>
        </pc:spChg>
        <pc:spChg chg="add mod">
          <ac:chgData name="Merve Turhan" userId="3594cd17-5953-4511-8d53-8cfc799250e7" providerId="ADAL" clId="{62B45B21-8CAF-4434-97F4-76A23BC920DD}" dt="2021-10-18T06:40:49.890" v="5176" actId="1076"/>
          <ac:spMkLst>
            <pc:docMk/>
            <pc:sldMk cId="366905889" sldId="286"/>
            <ac:spMk id="20" creationId="{7987F481-7023-441E-A567-FCBA9018C3EE}"/>
          </ac:spMkLst>
        </pc:spChg>
        <pc:spChg chg="add mod">
          <ac:chgData name="Merve Turhan" userId="3594cd17-5953-4511-8d53-8cfc799250e7" providerId="ADAL" clId="{62B45B21-8CAF-4434-97F4-76A23BC920DD}" dt="2021-10-18T06:40:49.890" v="5176" actId="1076"/>
          <ac:spMkLst>
            <pc:docMk/>
            <pc:sldMk cId="366905889" sldId="286"/>
            <ac:spMk id="21" creationId="{356A237E-CE32-4691-94C1-8E6B7F385B5B}"/>
          </ac:spMkLst>
        </pc:spChg>
        <pc:spChg chg="add mod">
          <ac:chgData name="Merve Turhan" userId="3594cd17-5953-4511-8d53-8cfc799250e7" providerId="ADAL" clId="{62B45B21-8CAF-4434-97F4-76A23BC920DD}" dt="2021-10-18T06:41:00.482" v="5178" actId="1076"/>
          <ac:spMkLst>
            <pc:docMk/>
            <pc:sldMk cId="366905889" sldId="286"/>
            <ac:spMk id="23" creationId="{75781FB5-1B90-4C03-B049-79393A8FB597}"/>
          </ac:spMkLst>
        </pc:spChg>
        <pc:spChg chg="add mod">
          <ac:chgData name="Merve Turhan" userId="3594cd17-5953-4511-8d53-8cfc799250e7" providerId="ADAL" clId="{62B45B21-8CAF-4434-97F4-76A23BC920DD}" dt="2021-10-18T06:41:10.786" v="5180" actId="1076"/>
          <ac:spMkLst>
            <pc:docMk/>
            <pc:sldMk cId="366905889" sldId="286"/>
            <ac:spMk id="24" creationId="{342FF2F1-0AEC-47AE-9E83-318EDB52D1AF}"/>
          </ac:spMkLst>
        </pc:spChg>
        <pc:spChg chg="mod">
          <ac:chgData name="Merve Turhan" userId="3594cd17-5953-4511-8d53-8cfc799250e7" providerId="ADAL" clId="{62B45B21-8CAF-4434-97F4-76A23BC920DD}" dt="2021-10-18T06:46:54.041" v="5292" actId="1076"/>
          <ac:spMkLst>
            <pc:docMk/>
            <pc:sldMk cId="366905889" sldId="286"/>
            <ac:spMk id="28" creationId="{E1FCDE4D-32F1-4BFA-B671-9B794B96BA60}"/>
          </ac:spMkLst>
        </pc:spChg>
        <pc:spChg chg="del mod">
          <ac:chgData name="Merve Turhan" userId="3594cd17-5953-4511-8d53-8cfc799250e7" providerId="ADAL" clId="{62B45B21-8CAF-4434-97F4-76A23BC920DD}" dt="2021-10-14T07:19:09.956" v="3239" actId="478"/>
          <ac:spMkLst>
            <pc:docMk/>
            <pc:sldMk cId="366905889" sldId="286"/>
            <ac:spMk id="31" creationId="{684A1CFF-4704-41C0-BB41-9A284808BF44}"/>
          </ac:spMkLst>
        </pc:spChg>
        <pc:picChg chg="del">
          <ac:chgData name="Merve Turhan" userId="3594cd17-5953-4511-8d53-8cfc799250e7" providerId="ADAL" clId="{62B45B21-8CAF-4434-97F4-76A23BC920DD}" dt="2021-10-14T07:18:58.786" v="3234" actId="478"/>
          <ac:picMkLst>
            <pc:docMk/>
            <pc:sldMk cId="366905889" sldId="286"/>
            <ac:picMk id="23" creationId="{540B4D64-E197-4715-8161-40541E300388}"/>
          </ac:picMkLst>
        </pc:picChg>
        <pc:picChg chg="add del mod">
          <ac:chgData name="Merve Turhan" userId="3594cd17-5953-4511-8d53-8cfc799250e7" providerId="ADAL" clId="{62B45B21-8CAF-4434-97F4-76A23BC920DD}" dt="2021-10-18T09:08:00.099" v="5761" actId="478"/>
          <ac:picMkLst>
            <pc:docMk/>
            <pc:sldMk cId="366905889" sldId="286"/>
            <ac:picMk id="26" creationId="{15CB60DE-30E1-46B7-B256-B3136A84312D}"/>
          </ac:picMkLst>
        </pc:picChg>
        <pc:picChg chg="del">
          <ac:chgData name="Merve Turhan" userId="3594cd17-5953-4511-8d53-8cfc799250e7" providerId="ADAL" clId="{62B45B21-8CAF-4434-97F4-76A23BC920DD}" dt="2021-10-14T07:18:56.750" v="3233" actId="478"/>
          <ac:picMkLst>
            <pc:docMk/>
            <pc:sldMk cId="366905889" sldId="286"/>
            <ac:picMk id="29" creationId="{8262E870-11CA-49D5-879E-42046BC80F11}"/>
          </ac:picMkLst>
        </pc:picChg>
        <pc:cxnChg chg="add mod">
          <ac:chgData name="Merve Turhan" userId="3594cd17-5953-4511-8d53-8cfc799250e7" providerId="ADAL" clId="{62B45B21-8CAF-4434-97F4-76A23BC920DD}" dt="2021-10-18T06:40:49.890" v="5176" actId="1076"/>
          <ac:cxnSpMkLst>
            <pc:docMk/>
            <pc:sldMk cId="366905889" sldId="286"/>
            <ac:cxnSpMk id="11" creationId="{9DA8BCA1-FC55-4892-BD44-EC76EFD79DEB}"/>
          </ac:cxnSpMkLst>
        </pc:cxnChg>
        <pc:cxnChg chg="del mod">
          <ac:chgData name="Merve Turhan" userId="3594cd17-5953-4511-8d53-8cfc799250e7" providerId="ADAL" clId="{62B45B21-8CAF-4434-97F4-76A23BC920DD}" dt="2021-10-14T07:19:05.686" v="3236" actId="478"/>
          <ac:cxnSpMkLst>
            <pc:docMk/>
            <pc:sldMk cId="366905889" sldId="286"/>
            <ac:cxnSpMk id="11" creationId="{A55821FB-0521-45E6-B7A3-D2B3D64CCB14}"/>
          </ac:cxnSpMkLst>
        </pc:cxnChg>
        <pc:cxnChg chg="del mod">
          <ac:chgData name="Merve Turhan" userId="3594cd17-5953-4511-8d53-8cfc799250e7" providerId="ADAL" clId="{62B45B21-8CAF-4434-97F4-76A23BC920DD}" dt="2021-10-14T07:21:20.302" v="3383" actId="478"/>
          <ac:cxnSpMkLst>
            <pc:docMk/>
            <pc:sldMk cId="366905889" sldId="286"/>
            <ac:cxnSpMk id="19" creationId="{3D78AF13-4728-4997-8130-FFE2E37B4AA3}"/>
          </ac:cxnSpMkLst>
        </pc:cxnChg>
        <pc:cxnChg chg="add del mod">
          <ac:chgData name="Merve Turhan" userId="3594cd17-5953-4511-8d53-8cfc799250e7" providerId="ADAL" clId="{62B45B21-8CAF-4434-97F4-76A23BC920DD}" dt="2021-10-18T09:07:59.087" v="5760" actId="478"/>
          <ac:cxnSpMkLst>
            <pc:docMk/>
            <pc:sldMk cId="366905889" sldId="286"/>
            <ac:cxnSpMk id="29" creationId="{FB6081CC-A320-4FEE-9AC7-94C0687C8760}"/>
          </ac:cxnSpMkLst>
        </pc:cxnChg>
        <pc:cxnChg chg="del">
          <ac:chgData name="Merve Turhan" userId="3594cd17-5953-4511-8d53-8cfc799250e7" providerId="ADAL" clId="{62B45B21-8CAF-4434-97F4-76A23BC920DD}" dt="2021-10-14T07:19:01.351" v="3235" actId="478"/>
          <ac:cxnSpMkLst>
            <pc:docMk/>
            <pc:sldMk cId="366905889" sldId="286"/>
            <ac:cxnSpMk id="30" creationId="{EFF4EE8A-45B9-404C-9E01-EDCD04F629EB}"/>
          </ac:cxnSpMkLst>
        </pc:cxnChg>
      </pc:sldChg>
      <pc:sldChg chg="modSp del mod">
        <pc:chgData name="Merve Turhan" userId="3594cd17-5953-4511-8d53-8cfc799250e7" providerId="ADAL" clId="{62B45B21-8CAF-4434-97F4-76A23BC920DD}" dt="2021-10-05T15:47:59.835" v="2042" actId="47"/>
        <pc:sldMkLst>
          <pc:docMk/>
          <pc:sldMk cId="3680066909" sldId="287"/>
        </pc:sldMkLst>
        <pc:spChg chg="mod">
          <ac:chgData name="Merve Turhan" userId="3594cd17-5953-4511-8d53-8cfc799250e7" providerId="ADAL" clId="{62B45B21-8CAF-4434-97F4-76A23BC920DD}" dt="2021-10-05T02:28:49.756" v="786" actId="790"/>
          <ac:spMkLst>
            <pc:docMk/>
            <pc:sldMk cId="3680066909" sldId="287"/>
            <ac:spMk id="2" creationId="{C492E6BA-BC28-4777-AE9E-122F4EF9F5CC}"/>
          </ac:spMkLst>
        </pc:spChg>
      </pc:sldChg>
      <pc:sldChg chg="modSp del mod">
        <pc:chgData name="Merve Turhan" userId="3594cd17-5953-4511-8d53-8cfc799250e7" providerId="ADAL" clId="{62B45B21-8CAF-4434-97F4-76A23BC920DD}" dt="2021-10-05T15:48:02.625" v="2043" actId="47"/>
        <pc:sldMkLst>
          <pc:docMk/>
          <pc:sldMk cId="3820671608" sldId="288"/>
        </pc:sldMkLst>
        <pc:spChg chg="mod">
          <ac:chgData name="Merve Turhan" userId="3594cd17-5953-4511-8d53-8cfc799250e7" providerId="ADAL" clId="{62B45B21-8CAF-4434-97F4-76A23BC920DD}" dt="2021-10-05T02:28:49.744" v="773" actId="790"/>
          <ac:spMkLst>
            <pc:docMk/>
            <pc:sldMk cId="3820671608" sldId="288"/>
            <ac:spMk id="2" creationId="{0B8A7082-DB17-45FC-A3F5-45FD2AA6C076}"/>
          </ac:spMkLst>
        </pc:spChg>
        <pc:spChg chg="mod">
          <ac:chgData name="Merve Turhan" userId="3594cd17-5953-4511-8d53-8cfc799250e7" providerId="ADAL" clId="{62B45B21-8CAF-4434-97F4-76A23BC920DD}" dt="2021-10-05T02:28:49.749" v="774" actId="790"/>
          <ac:spMkLst>
            <pc:docMk/>
            <pc:sldMk cId="3820671608" sldId="288"/>
            <ac:spMk id="3" creationId="{3E5B23EB-C8CD-4D5E-BE6C-FB30EB007902}"/>
          </ac:spMkLst>
        </pc:spChg>
        <pc:spChg chg="mod">
          <ac:chgData name="Merve Turhan" userId="3594cd17-5953-4511-8d53-8cfc799250e7" providerId="ADAL" clId="{62B45B21-8CAF-4434-97F4-76A23BC920DD}" dt="2021-10-05T02:28:49.749" v="775" actId="790"/>
          <ac:spMkLst>
            <pc:docMk/>
            <pc:sldMk cId="3820671608" sldId="288"/>
            <ac:spMk id="4" creationId="{476694C2-AE53-47F3-A2CD-DC95CB2AC06E}"/>
          </ac:spMkLst>
        </pc:spChg>
        <pc:spChg chg="mod">
          <ac:chgData name="Merve Turhan" userId="3594cd17-5953-4511-8d53-8cfc799250e7" providerId="ADAL" clId="{62B45B21-8CAF-4434-97F4-76A23BC920DD}" dt="2021-10-05T02:28:49.750" v="776" actId="790"/>
          <ac:spMkLst>
            <pc:docMk/>
            <pc:sldMk cId="3820671608" sldId="288"/>
            <ac:spMk id="5" creationId="{DBBDAAF0-C257-42E8-8778-33F369095B08}"/>
          </ac:spMkLst>
        </pc:spChg>
        <pc:spChg chg="mod">
          <ac:chgData name="Merve Turhan" userId="3594cd17-5953-4511-8d53-8cfc799250e7" providerId="ADAL" clId="{62B45B21-8CAF-4434-97F4-76A23BC920DD}" dt="2021-10-05T02:28:49.751" v="777" actId="790"/>
          <ac:spMkLst>
            <pc:docMk/>
            <pc:sldMk cId="3820671608" sldId="288"/>
            <ac:spMk id="6" creationId="{73F28F7C-FDB7-4C54-B643-59C95F1891CF}"/>
          </ac:spMkLst>
        </pc:spChg>
        <pc:spChg chg="mod">
          <ac:chgData name="Merve Turhan" userId="3594cd17-5953-4511-8d53-8cfc799250e7" providerId="ADAL" clId="{62B45B21-8CAF-4434-97F4-76A23BC920DD}" dt="2021-10-05T02:28:49.751" v="778" actId="790"/>
          <ac:spMkLst>
            <pc:docMk/>
            <pc:sldMk cId="3820671608" sldId="288"/>
            <ac:spMk id="7" creationId="{F588C0D0-1BBC-4CD2-94F9-68F2F5734F5A}"/>
          </ac:spMkLst>
        </pc:spChg>
        <pc:spChg chg="mod">
          <ac:chgData name="Merve Turhan" userId="3594cd17-5953-4511-8d53-8cfc799250e7" providerId="ADAL" clId="{62B45B21-8CAF-4434-97F4-76A23BC920DD}" dt="2021-10-05T02:28:49.752" v="779" actId="790"/>
          <ac:spMkLst>
            <pc:docMk/>
            <pc:sldMk cId="3820671608" sldId="288"/>
            <ac:spMk id="8" creationId="{2DC050C8-8D7A-4E39-817D-9374CDFC2110}"/>
          </ac:spMkLst>
        </pc:spChg>
        <pc:spChg chg="mod">
          <ac:chgData name="Merve Turhan" userId="3594cd17-5953-4511-8d53-8cfc799250e7" providerId="ADAL" clId="{62B45B21-8CAF-4434-97F4-76A23BC920DD}" dt="2021-10-05T02:28:49.753" v="780" actId="790"/>
          <ac:spMkLst>
            <pc:docMk/>
            <pc:sldMk cId="3820671608" sldId="288"/>
            <ac:spMk id="9" creationId="{B27B1656-AEED-43A4-B4E9-9779CB184DB2}"/>
          </ac:spMkLst>
        </pc:spChg>
        <pc:spChg chg="mod">
          <ac:chgData name="Merve Turhan" userId="3594cd17-5953-4511-8d53-8cfc799250e7" providerId="ADAL" clId="{62B45B21-8CAF-4434-97F4-76A23BC920DD}" dt="2021-10-05T02:28:49.753" v="781" actId="790"/>
          <ac:spMkLst>
            <pc:docMk/>
            <pc:sldMk cId="3820671608" sldId="288"/>
            <ac:spMk id="10" creationId="{8EDE5C98-4FEE-4E38-86E4-37D4A2FF80EB}"/>
          </ac:spMkLst>
        </pc:spChg>
        <pc:spChg chg="mod">
          <ac:chgData name="Merve Turhan" userId="3594cd17-5953-4511-8d53-8cfc799250e7" providerId="ADAL" clId="{62B45B21-8CAF-4434-97F4-76A23BC920DD}" dt="2021-10-05T02:28:49.754" v="782" actId="790"/>
          <ac:spMkLst>
            <pc:docMk/>
            <pc:sldMk cId="3820671608" sldId="288"/>
            <ac:spMk id="23" creationId="{69C3123C-73E5-44C3-BE8D-F3DB941FC640}"/>
          </ac:spMkLst>
        </pc:spChg>
        <pc:spChg chg="mod">
          <ac:chgData name="Merve Turhan" userId="3594cd17-5953-4511-8d53-8cfc799250e7" providerId="ADAL" clId="{62B45B21-8CAF-4434-97F4-76A23BC920DD}" dt="2021-10-05T02:28:49.755" v="783" actId="790"/>
          <ac:spMkLst>
            <pc:docMk/>
            <pc:sldMk cId="3820671608" sldId="288"/>
            <ac:spMk id="24" creationId="{BC40C7E2-5E17-436B-9232-E8E1774D4E8D}"/>
          </ac:spMkLst>
        </pc:spChg>
        <pc:spChg chg="mod">
          <ac:chgData name="Merve Turhan" userId="3594cd17-5953-4511-8d53-8cfc799250e7" providerId="ADAL" clId="{62B45B21-8CAF-4434-97F4-76A23BC920DD}" dt="2021-10-05T02:28:49.755" v="784" actId="790"/>
          <ac:spMkLst>
            <pc:docMk/>
            <pc:sldMk cId="3820671608" sldId="288"/>
            <ac:spMk id="28" creationId="{47703B0E-CD2F-42FB-ACAC-2653B940815F}"/>
          </ac:spMkLst>
        </pc:spChg>
        <pc:spChg chg="mod">
          <ac:chgData name="Merve Turhan" userId="3594cd17-5953-4511-8d53-8cfc799250e7" providerId="ADAL" clId="{62B45B21-8CAF-4434-97F4-76A23BC920DD}" dt="2021-10-05T02:28:49.755" v="785" actId="790"/>
          <ac:spMkLst>
            <pc:docMk/>
            <pc:sldMk cId="3820671608" sldId="288"/>
            <ac:spMk id="29" creationId="{66E99AEB-A9A6-4B55-9CD2-58E90233E5C6}"/>
          </ac:spMkLst>
        </pc:spChg>
      </pc:sldChg>
      <pc:sldChg chg="new del">
        <pc:chgData name="Merve Turhan" userId="3594cd17-5953-4511-8d53-8cfc799250e7" providerId="ADAL" clId="{62B45B21-8CAF-4434-97F4-76A23BC920DD}" dt="2021-10-05T02:31:10.515" v="1240" actId="680"/>
        <pc:sldMkLst>
          <pc:docMk/>
          <pc:sldMk cId="258083005" sldId="289"/>
        </pc:sldMkLst>
      </pc:sldChg>
      <pc:sldChg chg="addSp delSp modSp add mod ord">
        <pc:chgData name="Merve Turhan" userId="3594cd17-5953-4511-8d53-8cfc799250e7" providerId="ADAL" clId="{62B45B21-8CAF-4434-97F4-76A23BC920DD}" dt="2021-10-05T11:32:58.113" v="1718" actId="478"/>
        <pc:sldMkLst>
          <pc:docMk/>
          <pc:sldMk cId="1059806586" sldId="289"/>
        </pc:sldMkLst>
        <pc:spChg chg="del mod">
          <ac:chgData name="Merve Turhan" userId="3594cd17-5953-4511-8d53-8cfc799250e7" providerId="ADAL" clId="{62B45B21-8CAF-4434-97F4-76A23BC920DD}" dt="2021-10-05T11:32:58.113" v="1718" actId="478"/>
          <ac:spMkLst>
            <pc:docMk/>
            <pc:sldMk cId="1059806586" sldId="289"/>
            <ac:spMk id="2" creationId="{B03ABBCC-F3BC-4E42-AF78-B2DC99D13C37}"/>
          </ac:spMkLst>
        </pc:spChg>
        <pc:spChg chg="mod">
          <ac:chgData name="Merve Turhan" userId="3594cd17-5953-4511-8d53-8cfc799250e7" providerId="ADAL" clId="{62B45B21-8CAF-4434-97F4-76A23BC920DD}" dt="2021-10-05T02:38:31.382" v="1312" actId="20577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Turhan" userId="3594cd17-5953-4511-8d53-8cfc799250e7" providerId="ADAL" clId="{62B45B21-8CAF-4434-97F4-76A23BC920DD}" dt="2021-10-05T09:47:54.742" v="1623" actId="20577"/>
          <ac:spMkLst>
            <pc:docMk/>
            <pc:sldMk cId="1059806586" sldId="289"/>
            <ac:spMk id="5" creationId="{393A08AF-E8DD-44C5-A85C-B1192DD283A4}"/>
          </ac:spMkLst>
        </pc:spChg>
        <pc:spChg chg="del">
          <ac:chgData name="Merve Turhan" userId="3594cd17-5953-4511-8d53-8cfc799250e7" providerId="ADAL" clId="{62B45B21-8CAF-4434-97F4-76A23BC920DD}" dt="2021-10-05T02:36:10.356" v="1297" actId="478"/>
          <ac:spMkLst>
            <pc:docMk/>
            <pc:sldMk cId="1059806586" sldId="289"/>
            <ac:spMk id="8" creationId="{DF911936-019F-4A93-A91F-CF8FDFB8FDEE}"/>
          </ac:spMkLst>
        </pc:spChg>
        <pc:spChg chg="del">
          <ac:chgData name="Merve Turhan" userId="3594cd17-5953-4511-8d53-8cfc799250e7" providerId="ADAL" clId="{62B45B21-8CAF-4434-97F4-76A23BC920DD}" dt="2021-10-05T02:36:23.401" v="1299" actId="478"/>
          <ac:spMkLst>
            <pc:docMk/>
            <pc:sldMk cId="1059806586" sldId="289"/>
            <ac:spMk id="10" creationId="{41CDB770-D719-40A3-82BD-F2787BAF8C40}"/>
          </ac:spMkLst>
        </pc:spChg>
        <pc:spChg chg="add mod">
          <ac:chgData name="Merve Turhan" userId="3594cd17-5953-4511-8d53-8cfc799250e7" providerId="ADAL" clId="{62B45B21-8CAF-4434-97F4-76A23BC920DD}" dt="2021-10-05T02:38:34.717" v="1313" actId="20577"/>
          <ac:spMkLst>
            <pc:docMk/>
            <pc:sldMk cId="1059806586" sldId="289"/>
            <ac:spMk id="15" creationId="{80EDF406-7701-48DD-AAB0-B20D9721C7CC}"/>
          </ac:spMkLst>
        </pc:spChg>
        <pc:spChg chg="add del mod">
          <ac:chgData name="Merve Turhan" userId="3594cd17-5953-4511-8d53-8cfc799250e7" providerId="ADAL" clId="{62B45B21-8CAF-4434-97F4-76A23BC920DD}" dt="2021-10-05T02:52:28.808" v="1344" actId="478"/>
          <ac:spMkLst>
            <pc:docMk/>
            <pc:sldMk cId="1059806586" sldId="289"/>
            <ac:spMk id="16" creationId="{3B4313E4-8A4B-45E7-ACC1-100464943536}"/>
          </ac:spMkLst>
        </pc:spChg>
        <pc:spChg chg="del">
          <ac:chgData name="Merve Turhan" userId="3594cd17-5953-4511-8d53-8cfc799250e7" providerId="ADAL" clId="{62B45B21-8CAF-4434-97F4-76A23BC920DD}" dt="2021-10-05T02:36:10.356" v="1297" actId="478"/>
          <ac:spMkLst>
            <pc:docMk/>
            <pc:sldMk cId="1059806586" sldId="289"/>
            <ac:spMk id="17" creationId="{4DFAB45A-D03A-40E2-9450-67DA4438FFA4}"/>
          </ac:spMkLst>
        </pc:spChg>
        <pc:grpChg chg="del mod">
          <ac:chgData name="Merve Turhan" userId="3594cd17-5953-4511-8d53-8cfc799250e7" providerId="ADAL" clId="{62B45B21-8CAF-4434-97F4-76A23BC920DD}" dt="2021-10-05T02:36:06.243" v="1296" actId="478"/>
          <ac:grpSpMkLst>
            <pc:docMk/>
            <pc:sldMk cId="1059806586" sldId="289"/>
            <ac:grpSpMk id="9" creationId="{6EE8BAB1-9F28-4D1F-B6DD-0D127D9DB75B}"/>
          </ac:grpSpMkLst>
        </pc:grpChg>
      </pc:sldChg>
      <pc:sldChg chg="modSp new del mod">
        <pc:chgData name="Merve Turhan" userId="3594cd17-5953-4511-8d53-8cfc799250e7" providerId="ADAL" clId="{62B45B21-8CAF-4434-97F4-76A23BC920DD}" dt="2021-10-05T16:03:06.831" v="2045" actId="47"/>
        <pc:sldMkLst>
          <pc:docMk/>
          <pc:sldMk cId="2725597574" sldId="290"/>
        </pc:sldMkLst>
        <pc:spChg chg="mod">
          <ac:chgData name="Merve Turhan" userId="3594cd17-5953-4511-8d53-8cfc799250e7" providerId="ADAL" clId="{62B45B21-8CAF-4434-97F4-76A23BC920DD}" dt="2021-10-05T09:44:08.260" v="1606" actId="20577"/>
          <ac:spMkLst>
            <pc:docMk/>
            <pc:sldMk cId="2725597574" sldId="290"/>
            <ac:spMk id="2" creationId="{284EB4C3-4CA8-495F-BBFC-2F7F159F1C5E}"/>
          </ac:spMkLst>
        </pc:spChg>
        <pc:spChg chg="mod">
          <ac:chgData name="Merve Turhan" userId="3594cd17-5953-4511-8d53-8cfc799250e7" providerId="ADAL" clId="{62B45B21-8CAF-4434-97F4-76A23BC920DD}" dt="2021-10-05T11:35:13.779" v="1887" actId="20577"/>
          <ac:spMkLst>
            <pc:docMk/>
            <pc:sldMk cId="2725597574" sldId="290"/>
            <ac:spMk id="3" creationId="{5860C85D-9904-4C57-BA71-74B5DBEABE2F}"/>
          </ac:spMkLst>
        </pc:spChg>
      </pc:sldChg>
      <pc:sldChg chg="modSp add del mod">
        <pc:chgData name="Merve Turhan" userId="3594cd17-5953-4511-8d53-8cfc799250e7" providerId="ADAL" clId="{62B45B21-8CAF-4434-97F4-76A23BC920DD}" dt="2021-10-05T15:43:34.315" v="2041" actId="47"/>
        <pc:sldMkLst>
          <pc:docMk/>
          <pc:sldMk cId="2660028366" sldId="291"/>
        </pc:sldMkLst>
        <pc:spChg chg="mod">
          <ac:chgData name="Merve Turhan" userId="3594cd17-5953-4511-8d53-8cfc799250e7" providerId="ADAL" clId="{62B45B21-8CAF-4434-97F4-76A23BC920DD}" dt="2021-10-05T09:47:47.332" v="1622" actId="20577"/>
          <ac:spMkLst>
            <pc:docMk/>
            <pc:sldMk cId="2660028366" sldId="291"/>
            <ac:spMk id="5" creationId="{393A08AF-E8DD-44C5-A85C-B1192DD283A4}"/>
          </ac:spMkLst>
        </pc:spChg>
      </pc:sldChg>
      <pc:sldChg chg="addSp modSp add mod">
        <pc:chgData name="Merve Turhan" userId="3594cd17-5953-4511-8d53-8cfc799250e7" providerId="ADAL" clId="{62B45B21-8CAF-4434-97F4-76A23BC920DD}" dt="2021-10-17T15:21:55.269" v="4711" actId="1076"/>
        <pc:sldMkLst>
          <pc:docMk/>
          <pc:sldMk cId="1093299127" sldId="486"/>
        </pc:sldMkLst>
        <pc:spChg chg="mod">
          <ac:chgData name="Merve Turhan" userId="3594cd17-5953-4511-8d53-8cfc799250e7" providerId="ADAL" clId="{62B45B21-8CAF-4434-97F4-76A23BC920DD}" dt="2021-10-05T14:52:34.226" v="2008" actId="20577"/>
          <ac:spMkLst>
            <pc:docMk/>
            <pc:sldMk cId="1093299127" sldId="486"/>
            <ac:spMk id="2" creationId="{AB77B8F4-4DA4-4B3F-94FB-3703E1118225}"/>
          </ac:spMkLst>
        </pc:spChg>
        <pc:spChg chg="mod">
          <ac:chgData name="Merve Turhan" userId="3594cd17-5953-4511-8d53-8cfc799250e7" providerId="ADAL" clId="{62B45B21-8CAF-4434-97F4-76A23BC920DD}" dt="2021-10-12T08:44:49.301" v="2861" actId="1076"/>
          <ac:spMkLst>
            <pc:docMk/>
            <pc:sldMk cId="1093299127" sldId="486"/>
            <ac:spMk id="4" creationId="{7DFE96AF-6F08-4E5E-9229-F7147ED503A5}"/>
          </ac:spMkLst>
        </pc:spChg>
        <pc:spChg chg="mod">
          <ac:chgData name="Merve Turhan" userId="3594cd17-5953-4511-8d53-8cfc799250e7" providerId="ADAL" clId="{62B45B21-8CAF-4434-97F4-76A23BC920DD}" dt="2021-10-12T08:16:37.948" v="2836" actId="13822"/>
          <ac:spMkLst>
            <pc:docMk/>
            <pc:sldMk cId="1093299127" sldId="486"/>
            <ac:spMk id="8" creationId="{FD5F01C6-032B-4444-ADA8-356791C6E3CC}"/>
          </ac:spMkLst>
        </pc:spChg>
        <pc:spChg chg="mod">
          <ac:chgData name="Merve Turhan" userId="3594cd17-5953-4511-8d53-8cfc799250e7" providerId="ADAL" clId="{62B45B21-8CAF-4434-97F4-76A23BC920DD}" dt="2021-10-12T08:34:05.430" v="2849" actId="1582"/>
          <ac:spMkLst>
            <pc:docMk/>
            <pc:sldMk cId="1093299127" sldId="486"/>
            <ac:spMk id="9" creationId="{1D5E7CAC-94F5-4596-83E1-7DB62F81B6A5}"/>
          </ac:spMkLst>
        </pc:spChg>
        <pc:spChg chg="mod">
          <ac:chgData name="Merve Turhan" userId="3594cd17-5953-4511-8d53-8cfc799250e7" providerId="ADAL" clId="{62B45B21-8CAF-4434-97F4-76A23BC920DD}" dt="2021-10-10T14:53:10.383" v="2402" actId="13822"/>
          <ac:spMkLst>
            <pc:docMk/>
            <pc:sldMk cId="1093299127" sldId="486"/>
            <ac:spMk id="11" creationId="{A919DE69-9424-4956-BBDA-1582BEA45DEC}"/>
          </ac:spMkLst>
        </pc:spChg>
        <pc:spChg chg="mod">
          <ac:chgData name="Merve Turhan" userId="3594cd17-5953-4511-8d53-8cfc799250e7" providerId="ADAL" clId="{62B45B21-8CAF-4434-97F4-76A23BC920DD}" dt="2021-10-10T14:53:14.640" v="2403" actId="13822"/>
          <ac:spMkLst>
            <pc:docMk/>
            <pc:sldMk cId="1093299127" sldId="486"/>
            <ac:spMk id="12" creationId="{E8CFC069-8D85-4824-9978-BC41CF5A55FF}"/>
          </ac:spMkLst>
        </pc:spChg>
        <pc:spChg chg="add mod">
          <ac:chgData name="Merve Turhan" userId="3594cd17-5953-4511-8d53-8cfc799250e7" providerId="ADAL" clId="{62B45B21-8CAF-4434-97F4-76A23BC920DD}" dt="2021-10-12T08:19:15.285" v="2845"/>
          <ac:spMkLst>
            <pc:docMk/>
            <pc:sldMk cId="1093299127" sldId="486"/>
            <ac:spMk id="23" creationId="{63578816-65A1-41AE-B89D-1776B3D71780}"/>
          </ac:spMkLst>
        </pc:spChg>
        <pc:spChg chg="add mod">
          <ac:chgData name="Merve Turhan" userId="3594cd17-5953-4511-8d53-8cfc799250e7" providerId="ADAL" clId="{62B45B21-8CAF-4434-97F4-76A23BC920DD}" dt="2021-10-14T07:15:40.517" v="3199" actId="20577"/>
          <ac:spMkLst>
            <pc:docMk/>
            <pc:sldMk cId="1093299127" sldId="486"/>
            <ac:spMk id="24" creationId="{20BCE481-E881-4586-8486-58A6CD62CC51}"/>
          </ac:spMkLst>
        </pc:spChg>
        <pc:spChg chg="mod">
          <ac:chgData name="Merve Turhan" userId="3594cd17-5953-4511-8d53-8cfc799250e7" providerId="ADAL" clId="{62B45B21-8CAF-4434-97F4-76A23BC920DD}" dt="2021-10-12T08:44:48.181" v="2860" actId="1076"/>
          <ac:spMkLst>
            <pc:docMk/>
            <pc:sldMk cId="1093299127" sldId="486"/>
            <ac:spMk id="30" creationId="{B730A448-1AB1-408A-99B1-53155536E38F}"/>
          </ac:spMkLst>
        </pc:spChg>
        <pc:spChg chg="mod">
          <ac:chgData name="Merve Turhan" userId="3594cd17-5953-4511-8d53-8cfc799250e7" providerId="ADAL" clId="{62B45B21-8CAF-4434-97F4-76A23BC920DD}" dt="2021-10-14T09:38:00.888" v="3796" actId="20577"/>
          <ac:spMkLst>
            <pc:docMk/>
            <pc:sldMk cId="1093299127" sldId="486"/>
            <ac:spMk id="31" creationId="{DBCEEDC6-5F87-4AC5-AFCC-94D7CF5E7667}"/>
          </ac:spMkLst>
        </pc:spChg>
        <pc:spChg chg="mod">
          <ac:chgData name="Merve Turhan" userId="3594cd17-5953-4511-8d53-8cfc799250e7" providerId="ADAL" clId="{62B45B21-8CAF-4434-97F4-76A23BC920DD}" dt="2021-10-12T08:33:46.736" v="2847" actId="1582"/>
          <ac:spMkLst>
            <pc:docMk/>
            <pc:sldMk cId="1093299127" sldId="486"/>
            <ac:spMk id="39" creationId="{AF77E995-5479-4AF0-A467-87000E1DB88D}"/>
          </ac:spMkLst>
        </pc:spChg>
        <pc:spChg chg="mod">
          <ac:chgData name="Merve Turhan" userId="3594cd17-5953-4511-8d53-8cfc799250e7" providerId="ADAL" clId="{62B45B21-8CAF-4434-97F4-76A23BC920DD}" dt="2021-10-17T15:21:55.269" v="4711" actId="1076"/>
          <ac:spMkLst>
            <pc:docMk/>
            <pc:sldMk cId="1093299127" sldId="486"/>
            <ac:spMk id="41" creationId="{03A25D6C-DE86-4E60-BB61-F2E14FD4B4F9}"/>
          </ac:spMkLst>
        </pc:spChg>
        <pc:picChg chg="mod">
          <ac:chgData name="Merve Turhan" userId="3594cd17-5953-4511-8d53-8cfc799250e7" providerId="ADAL" clId="{62B45B21-8CAF-4434-97F4-76A23BC920DD}" dt="2021-10-14T09:37:18.818" v="3788" actId="1076"/>
          <ac:picMkLst>
            <pc:docMk/>
            <pc:sldMk cId="1093299127" sldId="486"/>
            <ac:picMk id="1027" creationId="{F0680101-93F8-48FB-88B9-56212B20ADB9}"/>
          </ac:picMkLst>
        </pc:picChg>
      </pc:sldChg>
      <pc:sldChg chg="addSp delSp modSp add mod ord delAnim modNotesTx">
        <pc:chgData name="Merve Turhan" userId="3594cd17-5953-4511-8d53-8cfc799250e7" providerId="ADAL" clId="{62B45B21-8CAF-4434-97F4-76A23BC920DD}" dt="2021-10-14T09:34:06.457" v="3709" actId="255"/>
        <pc:sldMkLst>
          <pc:docMk/>
          <pc:sldMk cId="276980968" sldId="487"/>
        </pc:sldMkLst>
        <pc:spChg chg="mod">
          <ac:chgData name="Merve Turhan" userId="3594cd17-5953-4511-8d53-8cfc799250e7" providerId="ADAL" clId="{62B45B21-8CAF-4434-97F4-76A23BC920DD}" dt="2021-10-05T13:43:38.344" v="1893" actId="20577"/>
          <ac:spMkLst>
            <pc:docMk/>
            <pc:sldMk cId="276980968" sldId="487"/>
            <ac:spMk id="2" creationId="{AB77B8F4-4DA4-4B3F-94FB-3703E1118225}"/>
          </ac:spMkLst>
        </pc:spChg>
        <pc:spChg chg="del mod">
          <ac:chgData name="Merve Turhan" userId="3594cd17-5953-4511-8d53-8cfc799250e7" providerId="ADAL" clId="{62B45B21-8CAF-4434-97F4-76A23BC920DD}" dt="2021-10-05T13:43:59.741" v="1903" actId="478"/>
          <ac:spMkLst>
            <pc:docMk/>
            <pc:sldMk cId="276980968" sldId="487"/>
            <ac:spMk id="4" creationId="{7DFE96AF-6F08-4E5E-9229-F7147ED503A5}"/>
          </ac:spMkLst>
        </pc:spChg>
        <pc:spChg chg="mod">
          <ac:chgData name="Merve Turhan" userId="3594cd17-5953-4511-8d53-8cfc799250e7" providerId="ADAL" clId="{62B45B21-8CAF-4434-97F4-76A23BC920DD}" dt="2021-10-12T08:16:54.947" v="2838" actId="13822"/>
          <ac:spMkLst>
            <pc:docMk/>
            <pc:sldMk cId="276980968" sldId="487"/>
            <ac:spMk id="8" creationId="{FD5F01C6-032B-4444-ADA8-356791C6E3CC}"/>
          </ac:spMkLst>
        </pc:spChg>
        <pc:spChg chg="del">
          <ac:chgData name="Merve Turhan" userId="3594cd17-5953-4511-8d53-8cfc799250e7" providerId="ADAL" clId="{62B45B21-8CAF-4434-97F4-76A23BC920DD}" dt="2021-10-05T13:44:10.313" v="1904" actId="478"/>
          <ac:spMkLst>
            <pc:docMk/>
            <pc:sldMk cId="276980968" sldId="487"/>
            <ac:spMk id="9" creationId="{1D5E7CAC-94F5-4596-83E1-7DB62F81B6A5}"/>
          </ac:spMkLst>
        </pc:spChg>
        <pc:spChg chg="mod">
          <ac:chgData name="Merve Turhan" userId="3594cd17-5953-4511-8d53-8cfc799250e7" providerId="ADAL" clId="{62B45B21-8CAF-4434-97F4-76A23BC920DD}" dt="2021-10-10T14:52:28.679" v="2396" actId="13822"/>
          <ac:spMkLst>
            <pc:docMk/>
            <pc:sldMk cId="276980968" sldId="487"/>
            <ac:spMk id="11" creationId="{A919DE69-9424-4956-BBDA-1582BEA45DEC}"/>
          </ac:spMkLst>
        </pc:spChg>
        <pc:spChg chg="mod">
          <ac:chgData name="Merve Turhan" userId="3594cd17-5953-4511-8d53-8cfc799250e7" providerId="ADAL" clId="{62B45B21-8CAF-4434-97F4-76A23BC920DD}" dt="2021-10-10T14:52:35.571" v="2397" actId="13822"/>
          <ac:spMkLst>
            <pc:docMk/>
            <pc:sldMk cId="276980968" sldId="487"/>
            <ac:spMk id="12" creationId="{E8CFC069-8D85-4824-9978-BC41CF5A55FF}"/>
          </ac:spMkLst>
        </pc:spChg>
        <pc:spChg chg="del mod">
          <ac:chgData name="Merve Turhan" userId="3594cd17-5953-4511-8d53-8cfc799250e7" providerId="ADAL" clId="{62B45B21-8CAF-4434-97F4-76A23BC920DD}" dt="2021-10-05T13:43:57.654" v="1901" actId="478"/>
          <ac:spMkLst>
            <pc:docMk/>
            <pc:sldMk cId="276980968" sldId="487"/>
            <ac:spMk id="30" creationId="{B730A448-1AB1-408A-99B1-53155536E38F}"/>
          </ac:spMkLst>
        </pc:spChg>
        <pc:spChg chg="mod">
          <ac:chgData name="Merve Turhan" userId="3594cd17-5953-4511-8d53-8cfc799250e7" providerId="ADAL" clId="{62B45B21-8CAF-4434-97F4-76A23BC920DD}" dt="2021-10-14T09:34:06.457" v="3709" actId="255"/>
          <ac:spMkLst>
            <pc:docMk/>
            <pc:sldMk cId="276980968" sldId="487"/>
            <ac:spMk id="31" creationId="{DBCEEDC6-5F87-4AC5-AFCC-94D7CF5E7667}"/>
          </ac:spMkLst>
        </pc:spChg>
        <pc:spChg chg="del mod">
          <ac:chgData name="Merve Turhan" userId="3594cd17-5953-4511-8d53-8cfc799250e7" providerId="ADAL" clId="{62B45B21-8CAF-4434-97F4-76A23BC920DD}" dt="2021-10-05T13:43:46.807" v="1895" actId="478"/>
          <ac:spMkLst>
            <pc:docMk/>
            <pc:sldMk cId="276980968" sldId="487"/>
            <ac:spMk id="39" creationId="{AF77E995-5479-4AF0-A467-87000E1DB88D}"/>
          </ac:spMkLst>
        </pc:spChg>
        <pc:spChg chg="del">
          <ac:chgData name="Merve Turhan" userId="3594cd17-5953-4511-8d53-8cfc799250e7" providerId="ADAL" clId="{62B45B21-8CAF-4434-97F4-76A23BC920DD}" dt="2021-10-05T13:43:55.133" v="1899" actId="478"/>
          <ac:spMkLst>
            <pc:docMk/>
            <pc:sldMk cId="276980968" sldId="487"/>
            <ac:spMk id="41" creationId="{03A25D6C-DE86-4E60-BB61-F2E14FD4B4F9}"/>
          </ac:spMkLst>
        </pc:spChg>
        <pc:spChg chg="mod">
          <ac:chgData name="Merve Turhan" userId="3594cd17-5953-4511-8d53-8cfc799250e7" providerId="ADAL" clId="{62B45B21-8CAF-4434-97F4-76A23BC920DD}" dt="2021-10-12T08:10:07.301" v="2818" actId="1076"/>
          <ac:spMkLst>
            <pc:docMk/>
            <pc:sldMk cId="276980968" sldId="487"/>
            <ac:spMk id="42" creationId="{D317E64A-91E6-4434-8062-C3D35D24D213}"/>
          </ac:spMkLst>
        </pc:spChg>
        <pc:picChg chg="add del mod">
          <ac:chgData name="Merve Turhan" userId="3594cd17-5953-4511-8d53-8cfc799250e7" providerId="ADAL" clId="{62B45B21-8CAF-4434-97F4-76A23BC920DD}" dt="2021-10-12T08:10:03.556" v="2815" actId="478"/>
          <ac:picMkLst>
            <pc:docMk/>
            <pc:sldMk cId="276980968" sldId="487"/>
            <ac:picMk id="5" creationId="{78829604-02FF-4905-8BA6-61780BE0114B}"/>
          </ac:picMkLst>
        </pc:picChg>
        <pc:picChg chg="add del mod">
          <ac:chgData name="Merve Turhan" userId="3594cd17-5953-4511-8d53-8cfc799250e7" providerId="ADAL" clId="{62B45B21-8CAF-4434-97F4-76A23BC920DD}" dt="2021-10-10T16:20:34.714" v="2440" actId="21"/>
          <ac:picMkLst>
            <pc:docMk/>
            <pc:sldMk cId="276980968" sldId="487"/>
            <ac:picMk id="7" creationId="{8EC7AC12-F158-423B-BD08-CDB3947C4A90}"/>
          </ac:picMkLst>
        </pc:picChg>
        <pc:picChg chg="add mod">
          <ac:chgData name="Merve Turhan" userId="3594cd17-5953-4511-8d53-8cfc799250e7" providerId="ADAL" clId="{62B45B21-8CAF-4434-97F4-76A23BC920DD}" dt="2021-10-14T09:21:22.110" v="3674" actId="2085"/>
          <ac:picMkLst>
            <pc:docMk/>
            <pc:sldMk cId="276980968" sldId="487"/>
            <ac:picMk id="10" creationId="{9178C8F3-B8D9-43E4-BAB6-4722189ED1A8}"/>
          </ac:picMkLst>
        </pc:picChg>
        <pc:picChg chg="add del mod">
          <ac:chgData name="Merve Turhan" userId="3594cd17-5953-4511-8d53-8cfc799250e7" providerId="ADAL" clId="{62B45B21-8CAF-4434-97F4-76A23BC920DD}" dt="2021-10-10T16:20:39.394" v="2442" actId="478"/>
          <ac:picMkLst>
            <pc:docMk/>
            <pc:sldMk cId="276980968" sldId="487"/>
            <ac:picMk id="18" creationId="{D33A9916-5CB4-466E-AB97-1CBC8A5375C1}"/>
          </ac:picMkLst>
        </pc:picChg>
        <pc:picChg chg="del">
          <ac:chgData name="Merve Turhan" userId="3594cd17-5953-4511-8d53-8cfc799250e7" providerId="ADAL" clId="{62B45B21-8CAF-4434-97F4-76A23BC920DD}" dt="2021-10-05T13:44:56.624" v="1909" actId="478"/>
          <ac:picMkLst>
            <pc:docMk/>
            <pc:sldMk cId="276980968" sldId="487"/>
            <ac:picMk id="1027" creationId="{F0680101-93F8-48FB-88B9-56212B20ADB9}"/>
          </ac:picMkLst>
        </pc:picChg>
      </pc:sldChg>
      <pc:sldChg chg="addSp delSp modSp new mod ord">
        <pc:chgData name="Merve Turhan" userId="3594cd17-5953-4511-8d53-8cfc799250e7" providerId="ADAL" clId="{62B45B21-8CAF-4434-97F4-76A23BC920DD}" dt="2021-10-20T12:10:55.566" v="6037" actId="1076"/>
        <pc:sldMkLst>
          <pc:docMk/>
          <pc:sldMk cId="3471251357" sldId="488"/>
        </pc:sldMkLst>
        <pc:spChg chg="mod">
          <ac:chgData name="Merve Turhan" userId="3594cd17-5953-4511-8d53-8cfc799250e7" providerId="ADAL" clId="{62B45B21-8CAF-4434-97F4-76A23BC920DD}" dt="2021-10-05T15:42:43.574" v="2020" actId="20577"/>
          <ac:spMkLst>
            <pc:docMk/>
            <pc:sldMk cId="3471251357" sldId="488"/>
            <ac:spMk id="2" creationId="{21A6E135-DB66-4068-AF41-84EAA0059824}"/>
          </ac:spMkLst>
        </pc:spChg>
        <pc:spChg chg="del">
          <ac:chgData name="Merve Turhan" userId="3594cd17-5953-4511-8d53-8cfc799250e7" providerId="ADAL" clId="{62B45B21-8CAF-4434-97F4-76A23BC920DD}" dt="2021-10-05T15:42:39.059" v="2014" actId="478"/>
          <ac:spMkLst>
            <pc:docMk/>
            <pc:sldMk cId="3471251357" sldId="488"/>
            <ac:spMk id="3" creationId="{F3A2EC9B-BAF2-4FB0-926D-3A84DDE2C749}"/>
          </ac:spMkLst>
        </pc:spChg>
        <pc:spChg chg="add del mod">
          <ac:chgData name="Merve Turhan" userId="3594cd17-5953-4511-8d53-8cfc799250e7" providerId="ADAL" clId="{62B45B21-8CAF-4434-97F4-76A23BC920DD}" dt="2021-10-17T19:47:55.761" v="4934" actId="478"/>
          <ac:spMkLst>
            <pc:docMk/>
            <pc:sldMk cId="3471251357" sldId="488"/>
            <ac:spMk id="4" creationId="{03983EEC-CE15-4182-B38E-F26F0A1D292F}"/>
          </ac:spMkLst>
        </pc:spChg>
        <pc:spChg chg="add del mod">
          <ac:chgData name="Merve Turhan" userId="3594cd17-5953-4511-8d53-8cfc799250e7" providerId="ADAL" clId="{62B45B21-8CAF-4434-97F4-76A23BC920DD}" dt="2021-10-17T19:40:11.482" v="4756" actId="478"/>
          <ac:spMkLst>
            <pc:docMk/>
            <pc:sldMk cId="3471251357" sldId="488"/>
            <ac:spMk id="6" creationId="{B8FF882C-513D-4663-9F60-A8AAA86E8296}"/>
          </ac:spMkLst>
        </pc:spChg>
        <pc:spChg chg="add del mod">
          <ac:chgData name="Merve Turhan" userId="3594cd17-5953-4511-8d53-8cfc799250e7" providerId="ADAL" clId="{62B45B21-8CAF-4434-97F4-76A23BC920DD}" dt="2021-10-05T15:43:18.203" v="2040" actId="478"/>
          <ac:spMkLst>
            <pc:docMk/>
            <pc:sldMk cId="3471251357" sldId="488"/>
            <ac:spMk id="6" creationId="{FDF8C19D-7E12-46EE-95D2-A7BFEAA0F73A}"/>
          </ac:spMkLst>
        </pc:spChg>
        <pc:spChg chg="add mod">
          <ac:chgData name="Merve Turhan" userId="3594cd17-5953-4511-8d53-8cfc799250e7" providerId="ADAL" clId="{62B45B21-8CAF-4434-97F4-76A23BC920DD}" dt="2021-10-17T19:39:30.362" v="4750" actId="1076"/>
          <ac:spMkLst>
            <pc:docMk/>
            <pc:sldMk cId="3471251357" sldId="488"/>
            <ac:spMk id="7" creationId="{17CA488F-4C72-4749-ACC6-5588BB426CAC}"/>
          </ac:spMkLst>
        </pc:spChg>
        <pc:spChg chg="add mod">
          <ac:chgData name="Merve Turhan" userId="3594cd17-5953-4511-8d53-8cfc799250e7" providerId="ADAL" clId="{62B45B21-8CAF-4434-97F4-76A23BC920DD}" dt="2021-10-17T19:39:37.049" v="4751" actId="1076"/>
          <ac:spMkLst>
            <pc:docMk/>
            <pc:sldMk cId="3471251357" sldId="488"/>
            <ac:spMk id="8" creationId="{6507A559-E024-4C95-8D77-A50798BDB48A}"/>
          </ac:spMkLst>
        </pc:spChg>
        <pc:spChg chg="add mod">
          <ac:chgData name="Merve Turhan" userId="3594cd17-5953-4511-8d53-8cfc799250e7" providerId="ADAL" clId="{62B45B21-8CAF-4434-97F4-76A23BC920DD}" dt="2021-10-17T19:39:42.706" v="4752" actId="1076"/>
          <ac:spMkLst>
            <pc:docMk/>
            <pc:sldMk cId="3471251357" sldId="488"/>
            <ac:spMk id="9" creationId="{B66CD070-08BE-40B5-A3EB-EDFA44BF18DC}"/>
          </ac:spMkLst>
        </pc:spChg>
        <pc:spChg chg="add del mod">
          <ac:chgData name="Merve Turhan" userId="3594cd17-5953-4511-8d53-8cfc799250e7" providerId="ADAL" clId="{62B45B21-8CAF-4434-97F4-76A23BC920DD}" dt="2021-10-17T19:40:28.850" v="4760" actId="478"/>
          <ac:spMkLst>
            <pc:docMk/>
            <pc:sldMk cId="3471251357" sldId="488"/>
            <ac:spMk id="10" creationId="{D80634BE-4945-4576-B250-EA180E394C0E}"/>
          </ac:spMkLst>
        </pc:spChg>
        <pc:spChg chg="add mod">
          <ac:chgData name="Merve Turhan" userId="3594cd17-5953-4511-8d53-8cfc799250e7" providerId="ADAL" clId="{62B45B21-8CAF-4434-97F4-76A23BC920DD}" dt="2021-10-17T19:47:40.058" v="4923" actId="14100"/>
          <ac:spMkLst>
            <pc:docMk/>
            <pc:sldMk cId="3471251357" sldId="488"/>
            <ac:spMk id="12" creationId="{418C308A-F1DF-4769-8B60-9454B35CC47C}"/>
          </ac:spMkLst>
        </pc:spChg>
        <pc:spChg chg="add mod">
          <ac:chgData name="Merve Turhan" userId="3594cd17-5953-4511-8d53-8cfc799250e7" providerId="ADAL" clId="{62B45B21-8CAF-4434-97F4-76A23BC920DD}" dt="2021-10-17T19:46:03.911" v="4882" actId="767"/>
          <ac:spMkLst>
            <pc:docMk/>
            <pc:sldMk cId="3471251357" sldId="488"/>
            <ac:spMk id="15" creationId="{07A7D3D3-D9CE-4129-905E-B098D4DEEAE6}"/>
          </ac:spMkLst>
        </pc:spChg>
        <pc:spChg chg="add del mod">
          <ac:chgData name="Merve Turhan" userId="3594cd17-5953-4511-8d53-8cfc799250e7" providerId="ADAL" clId="{62B45B21-8CAF-4434-97F4-76A23BC920DD}" dt="2021-10-17T19:47:25.857" v="4919" actId="478"/>
          <ac:spMkLst>
            <pc:docMk/>
            <pc:sldMk cId="3471251357" sldId="488"/>
            <ac:spMk id="16" creationId="{D67E3F26-1DA0-4B3F-B7CA-EE19F9143F3C}"/>
          </ac:spMkLst>
        </pc:spChg>
        <pc:spChg chg="add del mod">
          <ac:chgData name="Merve Turhan" userId="3594cd17-5953-4511-8d53-8cfc799250e7" providerId="ADAL" clId="{62B45B21-8CAF-4434-97F4-76A23BC920DD}" dt="2021-10-17T19:47:22.998" v="4918" actId="478"/>
          <ac:spMkLst>
            <pc:docMk/>
            <pc:sldMk cId="3471251357" sldId="488"/>
            <ac:spMk id="17" creationId="{A76765D8-32E4-4E0D-B8AD-2328F957B0CC}"/>
          </ac:spMkLst>
        </pc:spChg>
        <pc:spChg chg="add mod">
          <ac:chgData name="Merve Turhan" userId="3594cd17-5953-4511-8d53-8cfc799250e7" providerId="ADAL" clId="{62B45B21-8CAF-4434-97F4-76A23BC920DD}" dt="2021-10-17T19:47:52.426" v="4933" actId="5793"/>
          <ac:spMkLst>
            <pc:docMk/>
            <pc:sldMk cId="3471251357" sldId="488"/>
            <ac:spMk id="18" creationId="{FCF526CC-1334-49F5-9DCE-CECCBC1A8F22}"/>
          </ac:spMkLst>
        </pc:spChg>
        <pc:spChg chg="add del mod">
          <ac:chgData name="Merve Turhan" userId="3594cd17-5953-4511-8d53-8cfc799250e7" providerId="ADAL" clId="{62B45B21-8CAF-4434-97F4-76A23BC920DD}" dt="2021-10-17T19:47:58.478" v="4935" actId="478"/>
          <ac:spMkLst>
            <pc:docMk/>
            <pc:sldMk cId="3471251357" sldId="488"/>
            <ac:spMk id="20" creationId="{6DDEE98A-B6BC-4F36-A122-57964CB80680}"/>
          </ac:spMkLst>
        </pc:spChg>
        <pc:picChg chg="add del mod">
          <ac:chgData name="Merve Turhan" userId="3594cd17-5953-4511-8d53-8cfc799250e7" providerId="ADAL" clId="{62B45B21-8CAF-4434-97F4-76A23BC920DD}" dt="2021-10-17T19:44:22.558" v="4862" actId="478"/>
          <ac:picMkLst>
            <pc:docMk/>
            <pc:sldMk cId="3471251357" sldId="488"/>
            <ac:picMk id="5" creationId="{7ECAA7CF-7F02-470B-93B1-3DCA53B9BA44}"/>
          </ac:picMkLst>
        </pc:picChg>
        <pc:picChg chg="add del mod">
          <ac:chgData name="Merve Turhan" userId="3594cd17-5953-4511-8d53-8cfc799250e7" providerId="ADAL" clId="{62B45B21-8CAF-4434-97F4-76A23BC920DD}" dt="2021-10-11T11:23:42.772" v="2509" actId="478"/>
          <ac:picMkLst>
            <pc:docMk/>
            <pc:sldMk cId="3471251357" sldId="488"/>
            <ac:picMk id="5" creationId="{8AE348A3-51A3-4F59-9488-D3247FDD5385}"/>
          </ac:picMkLst>
        </pc:picChg>
        <pc:picChg chg="add del mod">
          <ac:chgData name="Merve Turhan" userId="3594cd17-5953-4511-8d53-8cfc799250e7" providerId="ADAL" clId="{62B45B21-8CAF-4434-97F4-76A23BC920DD}" dt="2021-10-12T08:12:08.488" v="2829" actId="478"/>
          <ac:picMkLst>
            <pc:docMk/>
            <pc:sldMk cId="3471251357" sldId="488"/>
            <ac:picMk id="6" creationId="{CBF0482C-BB7F-40D0-AD98-47DE5A667FCD}"/>
          </ac:picMkLst>
        </pc:picChg>
        <pc:picChg chg="add mod ord">
          <ac:chgData name="Merve Turhan" userId="3594cd17-5953-4511-8d53-8cfc799250e7" providerId="ADAL" clId="{62B45B21-8CAF-4434-97F4-76A23BC920DD}" dt="2021-10-17T19:39:19.720" v="4748" actId="1076"/>
          <ac:picMkLst>
            <pc:docMk/>
            <pc:sldMk cId="3471251357" sldId="488"/>
            <ac:picMk id="11" creationId="{D3446300-7303-4896-873D-4E9F79A25889}"/>
          </ac:picMkLst>
        </pc:picChg>
        <pc:picChg chg="add mod">
          <ac:chgData name="Merve Turhan" userId="3594cd17-5953-4511-8d53-8cfc799250e7" providerId="ADAL" clId="{62B45B21-8CAF-4434-97F4-76A23BC920DD}" dt="2021-10-20T12:10:55.566" v="6037" actId="1076"/>
          <ac:picMkLst>
            <pc:docMk/>
            <pc:sldMk cId="3471251357" sldId="488"/>
            <ac:picMk id="14" creationId="{F6503DB4-CEC1-499F-BFB4-D2C4C32937B2}"/>
          </ac:picMkLst>
        </pc:picChg>
      </pc:sldChg>
      <pc:sldChg chg="modSp mod">
        <pc:chgData name="Merve Turhan" userId="3594cd17-5953-4511-8d53-8cfc799250e7" providerId="ADAL" clId="{62B45B21-8CAF-4434-97F4-76A23BC920DD}" dt="2021-11-14T11:22:32.588" v="6286" actId="1076"/>
        <pc:sldMkLst>
          <pc:docMk/>
          <pc:sldMk cId="3059857834" sldId="489"/>
        </pc:sldMkLst>
        <pc:grpChg chg="mod">
          <ac:chgData name="Merve Turhan" userId="3594cd17-5953-4511-8d53-8cfc799250e7" providerId="ADAL" clId="{62B45B21-8CAF-4434-97F4-76A23BC920DD}" dt="2021-11-14T11:22:32.588" v="6286" actId="1076"/>
          <ac:grpSpMkLst>
            <pc:docMk/>
            <pc:sldMk cId="3059857834" sldId="489"/>
            <ac:grpSpMk id="119" creationId="{7C9056A6-8C58-40C9-AB70-BDECFC9E34C6}"/>
          </ac:grpSpMkLst>
        </pc:grpChg>
      </pc:sldChg>
      <pc:sldChg chg="del">
        <pc:chgData name="Merve Turhan" userId="3594cd17-5953-4511-8d53-8cfc799250e7" providerId="ADAL" clId="{62B45B21-8CAF-4434-97F4-76A23BC920DD}" dt="2021-10-10T14:56:01.535" v="2437" actId="47"/>
        <pc:sldMkLst>
          <pc:docMk/>
          <pc:sldMk cId="1817069401" sldId="490"/>
        </pc:sldMkLst>
      </pc:sldChg>
      <pc:sldChg chg="addCm delCm modCm modNotesTx">
        <pc:chgData name="Merve Turhan" userId="3594cd17-5953-4511-8d53-8cfc799250e7" providerId="ADAL" clId="{62B45B21-8CAF-4434-97F4-76A23BC920DD}" dt="2021-10-17T14:55:31.065" v="4710" actId="20577"/>
        <pc:sldMkLst>
          <pc:docMk/>
          <pc:sldMk cId="2955265277" sldId="491"/>
        </pc:sldMkLst>
      </pc:sldChg>
      <pc:sldChg chg="modNotesTx">
        <pc:chgData name="Merve Turhan" userId="3594cd17-5953-4511-8d53-8cfc799250e7" providerId="ADAL" clId="{62B45B21-8CAF-4434-97F4-76A23BC920DD}" dt="2021-10-14T09:32:29.212" v="3706" actId="20577"/>
        <pc:sldMkLst>
          <pc:docMk/>
          <pc:sldMk cId="2411108635" sldId="492"/>
        </pc:sldMkLst>
      </pc:sldChg>
      <pc:sldChg chg="modSp mod modAnim modNotesTx">
        <pc:chgData name="Merve Turhan" userId="3594cd17-5953-4511-8d53-8cfc799250e7" providerId="ADAL" clId="{62B45B21-8CAF-4434-97F4-76A23BC920DD}" dt="2021-10-18T08:16:12.069" v="5459" actId="20577"/>
        <pc:sldMkLst>
          <pc:docMk/>
          <pc:sldMk cId="3350414083" sldId="493"/>
        </pc:sldMkLst>
        <pc:spChg chg="mod">
          <ac:chgData name="Merve Turhan" userId="3594cd17-5953-4511-8d53-8cfc799250e7" providerId="ADAL" clId="{62B45B21-8CAF-4434-97F4-76A23BC920DD}" dt="2021-10-16T19:16:59.726" v="4009"/>
          <ac:spMkLst>
            <pc:docMk/>
            <pc:sldMk cId="3350414083" sldId="493"/>
            <ac:spMk id="3" creationId="{F6098B46-58EB-489C-B78F-F6257AA55FFD}"/>
          </ac:spMkLst>
        </pc:spChg>
      </pc:sldChg>
      <pc:sldChg chg="new del">
        <pc:chgData name="Merve Turhan" userId="3594cd17-5953-4511-8d53-8cfc799250e7" providerId="ADAL" clId="{62B45B21-8CAF-4434-97F4-76A23BC920DD}" dt="2021-10-11T10:50:12.580" v="2508" actId="47"/>
        <pc:sldMkLst>
          <pc:docMk/>
          <pc:sldMk cId="923909907" sldId="494"/>
        </pc:sldMkLst>
      </pc:sldChg>
      <pc:sldChg chg="delSp modSp mod ord modAnim addCm delCm modCm">
        <pc:chgData name="Merve Turhan" userId="3594cd17-5953-4511-8d53-8cfc799250e7" providerId="ADAL" clId="{62B45B21-8CAF-4434-97F4-76A23BC920DD}" dt="2021-11-08T09:12:59.938" v="6162"/>
        <pc:sldMkLst>
          <pc:docMk/>
          <pc:sldMk cId="1375469727" sldId="494"/>
        </pc:sldMkLst>
        <pc:spChg chg="del mod">
          <ac:chgData name="Merve Turhan" userId="3594cd17-5953-4511-8d53-8cfc799250e7" providerId="ADAL" clId="{62B45B21-8CAF-4434-97F4-76A23BC920DD}" dt="2021-10-11T15:36:52.941" v="2755" actId="478"/>
          <ac:spMkLst>
            <pc:docMk/>
            <pc:sldMk cId="1375469727" sldId="494"/>
            <ac:spMk id="8" creationId="{DF911936-019F-4A93-A91F-CF8FDFB8FDEE}"/>
          </ac:spMkLst>
        </pc:spChg>
        <pc:spChg chg="del">
          <ac:chgData name="Merve Turhan" userId="3594cd17-5953-4511-8d53-8cfc799250e7" providerId="ADAL" clId="{62B45B21-8CAF-4434-97F4-76A23BC920DD}" dt="2021-10-11T15:36:55.786" v="2756" actId="478"/>
          <ac:spMkLst>
            <pc:docMk/>
            <pc:sldMk cId="1375469727" sldId="494"/>
            <ac:spMk id="17" creationId="{4DFAB45A-D03A-40E2-9450-67DA4438FFA4}"/>
          </ac:spMkLst>
        </pc:spChg>
        <pc:grpChg chg="del">
          <ac:chgData name="Merve Turhan" userId="3594cd17-5953-4511-8d53-8cfc799250e7" providerId="ADAL" clId="{62B45B21-8CAF-4434-97F4-76A23BC920DD}" dt="2021-10-11T15:36:47.919" v="2753" actId="478"/>
          <ac:grpSpMkLst>
            <pc:docMk/>
            <pc:sldMk cId="1375469727" sldId="494"/>
            <ac:grpSpMk id="9" creationId="{6EE8BAB1-9F28-4D1F-B6DD-0D127D9DB75B}"/>
          </ac:grpSpMkLst>
        </pc:grpChg>
      </pc:sldChg>
      <pc:sldChg chg="add del">
        <pc:chgData name="Merve Turhan" userId="3594cd17-5953-4511-8d53-8cfc799250e7" providerId="ADAL" clId="{62B45B21-8CAF-4434-97F4-76A23BC920DD}" dt="2021-10-11T10:50:05.414" v="2505"/>
        <pc:sldMkLst>
          <pc:docMk/>
          <pc:sldMk cId="848322125" sldId="495"/>
        </pc:sldMkLst>
      </pc:sldChg>
      <pc:sldChg chg="new del">
        <pc:chgData name="Merve Turhan" userId="3594cd17-5953-4511-8d53-8cfc799250e7" providerId="ADAL" clId="{62B45B21-8CAF-4434-97F4-76A23BC920DD}" dt="2021-10-12T16:27:19.118" v="2950" actId="47"/>
        <pc:sldMkLst>
          <pc:docMk/>
          <pc:sldMk cId="3067076156" sldId="495"/>
        </pc:sldMkLst>
      </pc:sldChg>
      <pc:sldChg chg="addSp delSp modSp add mod delAnim modAnim modNotesTx">
        <pc:chgData name="Merve Turhan" userId="3594cd17-5953-4511-8d53-8cfc799250e7" providerId="ADAL" clId="{62B45B21-8CAF-4434-97F4-76A23BC920DD}" dt="2021-10-18T09:07:23.894" v="5756" actId="692"/>
        <pc:sldMkLst>
          <pc:docMk/>
          <pc:sldMk cId="2674755033" sldId="498"/>
        </pc:sldMkLst>
        <pc:spChg chg="mod">
          <ac:chgData name="Merve Turhan" userId="3594cd17-5953-4511-8d53-8cfc799250e7" providerId="ADAL" clId="{62B45B21-8CAF-4434-97F4-76A23BC920DD}" dt="2021-10-14T09:08:50.199" v="3647" actId="20577"/>
          <ac:spMkLst>
            <pc:docMk/>
            <pc:sldMk cId="2674755033" sldId="498"/>
            <ac:spMk id="3" creationId="{0725F03B-7FF5-4B82-84E1-122CEE6079CC}"/>
          </ac:spMkLst>
        </pc:spChg>
        <pc:spChg chg="add del mod">
          <ac:chgData name="Merve Turhan" userId="3594cd17-5953-4511-8d53-8cfc799250e7" providerId="ADAL" clId="{62B45B21-8CAF-4434-97F4-76A23BC920DD}" dt="2021-10-18T09:04:52.837" v="5728" actId="478"/>
          <ac:spMkLst>
            <pc:docMk/>
            <pc:sldMk cId="2674755033" sldId="498"/>
            <ac:spMk id="4" creationId="{D64BF2DC-CF65-4B5F-986D-79E3FA4EE3E6}"/>
          </ac:spMkLst>
        </pc:spChg>
        <pc:spChg chg="mod">
          <ac:chgData name="Merve Turhan" userId="3594cd17-5953-4511-8d53-8cfc799250e7" providerId="ADAL" clId="{62B45B21-8CAF-4434-97F4-76A23BC920DD}" dt="2021-10-14T08:13:16.603" v="3499" actId="1076"/>
          <ac:spMkLst>
            <pc:docMk/>
            <pc:sldMk cId="2674755033" sldId="498"/>
            <ac:spMk id="6" creationId="{0BF68993-B3F5-44AD-A7C7-CD355E77AE73}"/>
          </ac:spMkLst>
        </pc:spChg>
        <pc:spChg chg="mod">
          <ac:chgData name="Merve Turhan" userId="3594cd17-5953-4511-8d53-8cfc799250e7" providerId="ADAL" clId="{62B45B21-8CAF-4434-97F4-76A23BC920DD}" dt="2021-10-18T09:05:00.903" v="5733" actId="1076"/>
          <ac:spMkLst>
            <pc:docMk/>
            <pc:sldMk cId="2674755033" sldId="498"/>
            <ac:spMk id="8" creationId="{79D7E8FD-5ABF-4C09-B53D-EA9670B7FB8E}"/>
          </ac:spMkLst>
        </pc:spChg>
        <pc:spChg chg="del mod">
          <ac:chgData name="Merve Turhan" userId="3594cd17-5953-4511-8d53-8cfc799250e7" providerId="ADAL" clId="{62B45B21-8CAF-4434-97F4-76A23BC920DD}" dt="2021-10-14T10:17:11.112" v="3837" actId="478"/>
          <ac:spMkLst>
            <pc:docMk/>
            <pc:sldMk cId="2674755033" sldId="498"/>
            <ac:spMk id="15" creationId="{4D94C26A-B224-43C2-AD0D-51BB7ACE6C66}"/>
          </ac:spMkLst>
        </pc:spChg>
        <pc:spChg chg="mod">
          <ac:chgData name="Merve Turhan" userId="3594cd17-5953-4511-8d53-8cfc799250e7" providerId="ADAL" clId="{62B45B21-8CAF-4434-97F4-76A23BC920DD}" dt="2021-10-18T06:43:40.999" v="5283" actId="20577"/>
          <ac:spMkLst>
            <pc:docMk/>
            <pc:sldMk cId="2674755033" sldId="498"/>
            <ac:spMk id="18" creationId="{B24DBF0D-EABE-46D6-9163-3A816515C754}"/>
          </ac:spMkLst>
        </pc:spChg>
        <pc:spChg chg="del">
          <ac:chgData name="Merve Turhan" userId="3594cd17-5953-4511-8d53-8cfc799250e7" providerId="ADAL" clId="{62B45B21-8CAF-4434-97F4-76A23BC920DD}" dt="2021-10-14T10:17:06.598" v="3833" actId="478"/>
          <ac:spMkLst>
            <pc:docMk/>
            <pc:sldMk cId="2674755033" sldId="498"/>
            <ac:spMk id="20" creationId="{4120F6FF-A064-45F6-A472-0AA7C29BAAA3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22" creationId="{61AB0C55-CB60-4814-A4C0-C7A5303A5E45}"/>
          </ac:spMkLst>
        </pc:spChg>
        <pc:spChg chg="add del mod">
          <ac:chgData name="Merve Turhan" userId="3594cd17-5953-4511-8d53-8cfc799250e7" providerId="ADAL" clId="{62B45B21-8CAF-4434-97F4-76A23BC920DD}" dt="2021-10-14T09:18:56.214" v="3656" actId="478"/>
          <ac:spMkLst>
            <pc:docMk/>
            <pc:sldMk cId="2674755033" sldId="498"/>
            <ac:spMk id="22" creationId="{D98A0C76-7BE4-4704-9C7B-A9CE703D6673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24" creationId="{717D66C0-653D-4C14-9F5F-9C5A8B3B26FB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26" creationId="{1758D4F4-105E-4224-9FB5-65374B0DE5BB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31" creationId="{247E0441-C92E-47EB-A351-7B8B2BB59ADF}"/>
          </ac:spMkLst>
        </pc:spChg>
        <pc:spChg chg="del mod">
          <ac:chgData name="Merve Turhan" userId="3594cd17-5953-4511-8d53-8cfc799250e7" providerId="ADAL" clId="{62B45B21-8CAF-4434-97F4-76A23BC920DD}" dt="2021-10-14T10:17:08.576" v="3835" actId="478"/>
          <ac:spMkLst>
            <pc:docMk/>
            <pc:sldMk cId="2674755033" sldId="498"/>
            <ac:spMk id="31" creationId="{684A1CFF-4704-41C0-BB41-9A284808BF44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33" creationId="{FE305F45-69AD-4263-9F8F-6517BE36D815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34" creationId="{FB27D682-02D4-4009-B706-AF33390231F5}"/>
          </ac:spMkLst>
        </pc:spChg>
        <pc:picChg chg="add del mod">
          <ac:chgData name="Merve Turhan" userId="3594cd17-5953-4511-8d53-8cfc799250e7" providerId="ADAL" clId="{62B45B21-8CAF-4434-97F4-76A23BC920DD}" dt="2021-10-14T09:18:15.461" v="3649" actId="21"/>
          <ac:picMkLst>
            <pc:docMk/>
            <pc:sldMk cId="2674755033" sldId="498"/>
            <ac:picMk id="14" creationId="{07772A22-3EA4-495F-A671-25482CECC6D8}"/>
          </ac:picMkLst>
        </pc:picChg>
        <pc:picChg chg="add mod modCrop">
          <ac:chgData name="Merve Turhan" userId="3594cd17-5953-4511-8d53-8cfc799250e7" providerId="ADAL" clId="{62B45B21-8CAF-4434-97F4-76A23BC920DD}" dt="2021-10-14T09:33:23.161" v="3708" actId="692"/>
          <ac:picMkLst>
            <pc:docMk/>
            <pc:sldMk cId="2674755033" sldId="498"/>
            <ac:picMk id="25" creationId="{8AB63CE8-8AB6-43DB-A7F4-5C643C214B60}"/>
          </ac:picMkLst>
        </pc:picChg>
        <pc:picChg chg="del mod">
          <ac:chgData name="Merve Turhan" userId="3594cd17-5953-4511-8d53-8cfc799250e7" providerId="ADAL" clId="{62B45B21-8CAF-4434-97F4-76A23BC920DD}" dt="2021-10-18T09:05:09.377" v="5737" actId="478"/>
          <ac:picMkLst>
            <pc:docMk/>
            <pc:sldMk cId="2674755033" sldId="498"/>
            <ac:picMk id="29" creationId="{8262E870-11CA-49D5-879E-42046BC80F11}"/>
          </ac:picMkLst>
        </pc:picChg>
        <pc:picChg chg="add mod">
          <ac:chgData name="Merve Turhan" userId="3594cd17-5953-4511-8d53-8cfc799250e7" providerId="ADAL" clId="{62B45B21-8CAF-4434-97F4-76A23BC920DD}" dt="2021-10-18T09:05:20.307" v="5741" actId="14100"/>
          <ac:picMkLst>
            <pc:docMk/>
            <pc:sldMk cId="2674755033" sldId="498"/>
            <ac:picMk id="35" creationId="{17A5DDB7-92C7-4FCC-BF31-25687BCA859D}"/>
          </ac:picMkLst>
        </pc:picChg>
        <pc:cxnChg chg="mod">
          <ac:chgData name="Merve Turhan" userId="3594cd17-5953-4511-8d53-8cfc799250e7" providerId="ADAL" clId="{62B45B21-8CAF-4434-97F4-76A23BC920DD}" dt="2021-10-18T09:05:00.903" v="5733" actId="1076"/>
          <ac:cxnSpMkLst>
            <pc:docMk/>
            <pc:sldMk cId="2674755033" sldId="498"/>
            <ac:cxnSpMk id="11" creationId="{A55821FB-0521-45E6-B7A3-D2B3D64CCB14}"/>
          </ac:cxnSpMkLst>
        </pc:cxnChg>
        <pc:cxnChg chg="add mod">
          <ac:chgData name="Merve Turhan" userId="3594cd17-5953-4511-8d53-8cfc799250e7" providerId="ADAL" clId="{62B45B21-8CAF-4434-97F4-76A23BC920DD}" dt="2021-10-18T09:07:23.894" v="5756" actId="692"/>
          <ac:cxnSpMkLst>
            <pc:docMk/>
            <pc:sldMk cId="2674755033" sldId="498"/>
            <ac:cxnSpMk id="15" creationId="{146F42F6-059E-4F3B-9FA5-2410A1044E92}"/>
          </ac:cxnSpMkLst>
        </pc:cxnChg>
        <pc:cxnChg chg="del mod">
          <ac:chgData name="Merve Turhan" userId="3594cd17-5953-4511-8d53-8cfc799250e7" providerId="ADAL" clId="{62B45B21-8CAF-4434-97F4-76A23BC920DD}" dt="2021-10-18T06:48:31.732" v="5298" actId="478"/>
          <ac:cxnSpMkLst>
            <pc:docMk/>
            <pc:sldMk cId="2674755033" sldId="498"/>
            <ac:cxnSpMk id="19" creationId="{3D78AF13-4728-4997-8130-FFE2E37B4AA3}"/>
          </ac:cxnSpMkLst>
        </pc:cxnChg>
        <pc:cxnChg chg="add del mod">
          <ac:chgData name="Merve Turhan" userId="3594cd17-5953-4511-8d53-8cfc799250e7" providerId="ADAL" clId="{62B45B21-8CAF-4434-97F4-76A23BC920DD}" dt="2021-10-14T09:18:58.258" v="3657" actId="478"/>
          <ac:cxnSpMkLst>
            <pc:docMk/>
            <pc:sldMk cId="2674755033" sldId="498"/>
            <ac:cxnSpMk id="21" creationId="{F49ECE6B-0A0C-42B4-A228-F77D175B2E99}"/>
          </ac:cxnSpMkLst>
        </pc:cxnChg>
        <pc:cxnChg chg="add del mod">
          <ac:chgData name="Merve Turhan" userId="3594cd17-5953-4511-8d53-8cfc799250e7" providerId="ADAL" clId="{62B45B21-8CAF-4434-97F4-76A23BC920DD}" dt="2021-10-18T09:02:51.335" v="5723" actId="478"/>
          <ac:cxnSpMkLst>
            <pc:docMk/>
            <pc:sldMk cId="2674755033" sldId="498"/>
            <ac:cxnSpMk id="32" creationId="{BE7F5AC6-56EB-48D6-8AE5-8FD3DF18CB42}"/>
          </ac:cxnSpMkLst>
        </pc:cxnChg>
      </pc:sldChg>
      <pc:sldChg chg="addSp delSp modSp add mod delAnim modAnim">
        <pc:chgData name="Merve Turhan" userId="3594cd17-5953-4511-8d53-8cfc799250e7" providerId="ADAL" clId="{62B45B21-8CAF-4434-97F4-76A23BC920DD}" dt="2021-10-18T09:44:55.867" v="5790" actId="478"/>
        <pc:sldMkLst>
          <pc:docMk/>
          <pc:sldMk cId="2693905312" sldId="499"/>
        </pc:sldMkLst>
        <pc:spChg chg="mod">
          <ac:chgData name="Merve Turhan" userId="3594cd17-5953-4511-8d53-8cfc799250e7" providerId="ADAL" clId="{62B45B21-8CAF-4434-97F4-76A23BC920DD}" dt="2021-10-14T09:39:37.762" v="3827" actId="20577"/>
          <ac:spMkLst>
            <pc:docMk/>
            <pc:sldMk cId="2693905312" sldId="499"/>
            <ac:spMk id="2" creationId="{145A5B86-CDEE-4EAD-814B-D0C826FD40F3}"/>
          </ac:spMkLst>
        </pc:spChg>
        <pc:spChg chg="mod">
          <ac:chgData name="Merve Turhan" userId="3594cd17-5953-4511-8d53-8cfc799250e7" providerId="ADAL" clId="{62B45B21-8CAF-4434-97F4-76A23BC920DD}" dt="2021-10-18T06:50:53.363" v="5308" actId="207"/>
          <ac:spMkLst>
            <pc:docMk/>
            <pc:sldMk cId="2693905312" sldId="499"/>
            <ac:spMk id="3" creationId="{0725F03B-7FF5-4B82-84E1-122CEE6079CC}"/>
          </ac:spMkLst>
        </pc:spChg>
        <pc:spChg chg="mod">
          <ac:chgData name="Merve Turhan" userId="3594cd17-5953-4511-8d53-8cfc799250e7" providerId="ADAL" clId="{62B45B21-8CAF-4434-97F4-76A23BC920DD}" dt="2021-10-18T06:50:02.159" v="5305" actId="20577"/>
          <ac:spMkLst>
            <pc:docMk/>
            <pc:sldMk cId="2693905312" sldId="499"/>
            <ac:spMk id="18" creationId="{B24DBF0D-EABE-46D6-9163-3A816515C754}"/>
          </ac:spMkLst>
        </pc:spChg>
        <pc:spChg chg="del mod">
          <ac:chgData name="Merve Turhan" userId="3594cd17-5953-4511-8d53-8cfc799250e7" providerId="ADAL" clId="{62B45B21-8CAF-4434-97F4-76A23BC920DD}" dt="2021-10-14T08:26:32.540" v="3547" actId="478"/>
          <ac:spMkLst>
            <pc:docMk/>
            <pc:sldMk cId="2693905312" sldId="499"/>
            <ac:spMk id="22" creationId="{D98A0C76-7BE4-4704-9C7B-A9CE703D6673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25" creationId="{E6090D84-907F-4306-A683-5BD0E3B8EA9A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26" creationId="{FEB90BED-69E1-482D-8669-955A05270E14}"/>
          </ac:spMkLst>
        </pc:spChg>
        <pc:spChg chg="del">
          <ac:chgData name="Merve Turhan" userId="3594cd17-5953-4511-8d53-8cfc799250e7" providerId="ADAL" clId="{62B45B21-8CAF-4434-97F4-76A23BC920DD}" dt="2021-10-18T06:49:50.676" v="5300" actId="478"/>
          <ac:spMkLst>
            <pc:docMk/>
            <pc:sldMk cId="2693905312" sldId="499"/>
            <ac:spMk id="31" creationId="{684A1CFF-4704-41C0-BB41-9A284808BF44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33" creationId="{6AF2F5CB-22E1-48FB-8C13-9898CC7E9FD1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34" creationId="{5FCB0206-9CA0-4D8A-99BA-2ACF35F4B4D4}"/>
          </ac:spMkLst>
        </pc:spChg>
        <pc:spChg chg="add del mod">
          <ac:chgData name="Merve Turhan" userId="3594cd17-5953-4511-8d53-8cfc799250e7" providerId="ADAL" clId="{62B45B21-8CAF-4434-97F4-76A23BC920DD}" dt="2021-10-14T09:20:40.298" v="3671" actId="478"/>
          <ac:spMkLst>
            <pc:docMk/>
            <pc:sldMk cId="2693905312" sldId="499"/>
            <ac:spMk id="34" creationId="{9F661D51-6A20-4DB7-8F85-2ADB3D62C965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36" creationId="{9414CAED-0A38-496F-8720-93EBDDCEB5FD}"/>
          </ac:spMkLst>
        </pc:spChg>
        <pc:spChg chg="add mod">
          <ac:chgData name="Merve Turhan" userId="3594cd17-5953-4511-8d53-8cfc799250e7" providerId="ADAL" clId="{62B45B21-8CAF-4434-97F4-76A23BC920DD}" dt="2021-10-18T08:45:10.395" v="5651" actId="1076"/>
          <ac:spMkLst>
            <pc:docMk/>
            <pc:sldMk cId="2693905312" sldId="499"/>
            <ac:spMk id="37" creationId="{A60624C4-D331-42AC-8FE6-B955C7F91ACA}"/>
          </ac:spMkLst>
        </pc:spChg>
        <pc:picChg chg="del">
          <ac:chgData name="Merve Turhan" userId="3594cd17-5953-4511-8d53-8cfc799250e7" providerId="ADAL" clId="{62B45B21-8CAF-4434-97F4-76A23BC920DD}" dt="2021-10-14T08:26:28.477" v="3545" actId="478"/>
          <ac:picMkLst>
            <pc:docMk/>
            <pc:sldMk cId="2693905312" sldId="499"/>
            <ac:picMk id="14" creationId="{07772A22-3EA4-495F-A671-25482CECC6D8}"/>
          </ac:picMkLst>
        </pc:picChg>
        <pc:picChg chg="add mod">
          <ac:chgData name="Merve Turhan" userId="3594cd17-5953-4511-8d53-8cfc799250e7" providerId="ADAL" clId="{62B45B21-8CAF-4434-97F4-76A23BC920DD}" dt="2021-10-14T09:20:37.488" v="3670" actId="1076"/>
          <ac:picMkLst>
            <pc:docMk/>
            <pc:sldMk cId="2693905312" sldId="499"/>
            <ac:picMk id="32" creationId="{89A3D3BD-FBD9-43D7-A398-E931480C5DE6}"/>
          </ac:picMkLst>
        </pc:picChg>
        <pc:picChg chg="add mod">
          <ac:chgData name="Merve Turhan" userId="3594cd17-5953-4511-8d53-8cfc799250e7" providerId="ADAL" clId="{62B45B21-8CAF-4434-97F4-76A23BC920DD}" dt="2021-10-18T09:08:17.291" v="5764"/>
          <ac:picMkLst>
            <pc:docMk/>
            <pc:sldMk cId="2693905312" sldId="499"/>
            <ac:picMk id="40" creationId="{F2CC21AA-7917-44C5-82BB-EF1450974D65}"/>
          </ac:picMkLst>
        </pc:picChg>
        <pc:cxnChg chg="del">
          <ac:chgData name="Merve Turhan" userId="3594cd17-5953-4511-8d53-8cfc799250e7" providerId="ADAL" clId="{62B45B21-8CAF-4434-97F4-76A23BC920DD}" dt="2021-10-14T08:26:34.741" v="3548" actId="478"/>
          <ac:cxnSpMkLst>
            <pc:docMk/>
            <pc:sldMk cId="2693905312" sldId="499"/>
            <ac:cxnSpMk id="21" creationId="{F49ECE6B-0A0C-42B4-A228-F77D175B2E99}"/>
          </ac:cxnSpMkLst>
        </pc:cxnChg>
        <pc:cxnChg chg="add del mod">
          <ac:chgData name="Merve Turhan" userId="3594cd17-5953-4511-8d53-8cfc799250e7" providerId="ADAL" clId="{62B45B21-8CAF-4434-97F4-76A23BC920DD}" dt="2021-10-14T09:20:42.440" v="3672" actId="478"/>
          <ac:cxnSpMkLst>
            <pc:docMk/>
            <pc:sldMk cId="2693905312" sldId="499"/>
            <ac:cxnSpMk id="33" creationId="{A8E757BC-1596-431B-ADDC-36DC7FF8AB89}"/>
          </ac:cxnSpMkLst>
        </pc:cxnChg>
        <pc:cxnChg chg="add del mod">
          <ac:chgData name="Merve Turhan" userId="3594cd17-5953-4511-8d53-8cfc799250e7" providerId="ADAL" clId="{62B45B21-8CAF-4434-97F4-76A23BC920DD}" dt="2021-10-18T09:44:55.867" v="5790" actId="478"/>
          <ac:cxnSpMkLst>
            <pc:docMk/>
            <pc:sldMk cId="2693905312" sldId="499"/>
            <ac:cxnSpMk id="35" creationId="{574B6B72-3D99-43D2-9F4E-161A477EB991}"/>
          </ac:cxnSpMkLst>
        </pc:cxnChg>
        <pc:cxnChg chg="add mod">
          <ac:chgData name="Merve Turhan" userId="3594cd17-5953-4511-8d53-8cfc799250e7" providerId="ADAL" clId="{62B45B21-8CAF-4434-97F4-76A23BC920DD}" dt="2021-10-18T09:07:44.465" v="5758"/>
          <ac:cxnSpMkLst>
            <pc:docMk/>
            <pc:sldMk cId="2693905312" sldId="499"/>
            <ac:cxnSpMk id="38" creationId="{E2F95392-B3CE-40B3-8684-A6C63948E7D5}"/>
          </ac:cxnSpMkLst>
        </pc:cxnChg>
        <pc:cxnChg chg="add del mod">
          <ac:chgData name="Merve Turhan" userId="3594cd17-5953-4511-8d53-8cfc799250e7" providerId="ADAL" clId="{62B45B21-8CAF-4434-97F4-76A23BC920DD}" dt="2021-10-18T09:08:08.127" v="5763" actId="478"/>
          <ac:cxnSpMkLst>
            <pc:docMk/>
            <pc:sldMk cId="2693905312" sldId="499"/>
            <ac:cxnSpMk id="39" creationId="{3C812DEB-15DD-4065-AB6B-8617CC012C53}"/>
          </ac:cxnSpMkLst>
        </pc:cxnChg>
      </pc:sldChg>
      <pc:sldChg chg="modSp del mod delCm">
        <pc:chgData name="Merve Turhan" userId="3594cd17-5953-4511-8d53-8cfc799250e7" providerId="ADAL" clId="{62B45B21-8CAF-4434-97F4-76A23BC920DD}" dt="2021-10-17T13:31:51.783" v="4046" actId="47"/>
        <pc:sldMkLst>
          <pc:docMk/>
          <pc:sldMk cId="2367292263" sldId="500"/>
        </pc:sldMkLst>
        <pc:spChg chg="mod">
          <ac:chgData name="Merve Turhan" userId="3594cd17-5953-4511-8d53-8cfc799250e7" providerId="ADAL" clId="{62B45B21-8CAF-4434-97F4-76A23BC920DD}" dt="2021-10-17T13:10:46.526" v="4042" actId="20577"/>
          <ac:spMkLst>
            <pc:docMk/>
            <pc:sldMk cId="2367292263" sldId="500"/>
            <ac:spMk id="16" creationId="{861BABB0-65A0-4611-9B94-E36C8FC16FF6}"/>
          </ac:spMkLst>
        </pc:spChg>
      </pc:sldChg>
      <pc:sldChg chg="modSp add mod ord delCm">
        <pc:chgData name="Merve Turhan" userId="3594cd17-5953-4511-8d53-8cfc799250e7" providerId="ADAL" clId="{62B45B21-8CAF-4434-97F4-76A23BC920DD}" dt="2021-10-18T08:58:20.815" v="5722" actId="20577"/>
        <pc:sldMkLst>
          <pc:docMk/>
          <pc:sldMk cId="3565028100" sldId="501"/>
        </pc:sldMkLst>
        <pc:spChg chg="mod">
          <ac:chgData name="Merve Turhan" userId="3594cd17-5953-4511-8d53-8cfc799250e7" providerId="ADAL" clId="{62B45B21-8CAF-4434-97F4-76A23BC920DD}" dt="2021-10-17T13:31:59.631" v="4059" actId="20577"/>
          <ac:spMkLst>
            <pc:docMk/>
            <pc:sldMk cId="3565028100" sldId="501"/>
            <ac:spMk id="4" creationId="{EA7D4468-58D5-40D1-8182-8FDBCEF777E1}"/>
          </ac:spMkLst>
        </pc:spChg>
        <pc:spChg chg="mod">
          <ac:chgData name="Merve Turhan" userId="3594cd17-5953-4511-8d53-8cfc799250e7" providerId="ADAL" clId="{62B45B21-8CAF-4434-97F4-76A23BC920DD}" dt="2021-10-18T08:58:20.815" v="5722" actId="20577"/>
          <ac:spMkLst>
            <pc:docMk/>
            <pc:sldMk cId="3565028100" sldId="501"/>
            <ac:spMk id="5" creationId="{393A08AF-E8DD-44C5-A85C-B1192DD283A4}"/>
          </ac:spMkLst>
        </pc:spChg>
        <pc:spChg chg="mod">
          <ac:chgData name="Merve Turhan" userId="3594cd17-5953-4511-8d53-8cfc799250e7" providerId="ADAL" clId="{62B45B21-8CAF-4434-97F4-76A23BC920DD}" dt="2021-10-18T08:44:11.920" v="5649" actId="20577"/>
          <ac:spMkLst>
            <pc:docMk/>
            <pc:sldMk cId="3565028100" sldId="501"/>
            <ac:spMk id="16" creationId="{861BABB0-65A0-4611-9B94-E36C8FC16FF6}"/>
          </ac:spMkLst>
        </pc:spChg>
      </pc:sldChg>
      <pc:sldMasterChg chg="modSp mod modSldLayout">
        <pc:chgData name="Merve Turhan" userId="3594cd17-5953-4511-8d53-8cfc799250e7" providerId="ADAL" clId="{62B45B21-8CAF-4434-97F4-76A23BC920DD}" dt="2021-11-10T03:31:15.485" v="6285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62B45B21-8CAF-4434-97F4-76A23BC920DD}" dt="2021-10-05T02:28:50.212" v="1021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62B45B21-8CAF-4434-97F4-76A23BC920DD}" dt="2021-10-05T02:28:50.209" v="1020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62B45B21-8CAF-4434-97F4-76A23BC920DD}" dt="2021-11-10T03:31:15.030" v="6165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62B45B21-8CAF-4434-97F4-76A23BC920DD}" dt="2021-10-05T02:28:49.776" v="812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030" v="6165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62B45B21-8CAF-4434-97F4-76A23BC920DD}" dt="2021-10-05T02:28:49.781" v="816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62B45B21-8CAF-4434-97F4-76A23BC920DD}" dt="2021-10-05T02:28:49.769" v="809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62B45B21-8CAF-4434-97F4-76A23BC920DD}" dt="2021-10-05T02:28:49.777" v="813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779" v="814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775" v="811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773" v="810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55" v="6171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62B45B21-8CAF-4434-97F4-76A23BC920DD}" dt="2021-10-05T02:28:49.789" v="825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62B45B21-8CAF-4434-97F4-76A23BC920DD}" dt="2021-11-10T03:31:15.055" v="6171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62B45B21-8CAF-4434-97F4-76A23BC920DD}" dt="2021-10-05T02:28:49.791" v="826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62B45B21-8CAF-4434-97F4-76A23BC920DD}" dt="2021-10-05T02:28:49.793" v="827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62B45B21-8CAF-4434-97F4-76A23BC920DD}" dt="2021-10-05T02:28:49.795" v="829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66" v="6174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62B45B21-8CAF-4434-97F4-76A23BC920DD}" dt="2021-11-10T03:31:15.066" v="6174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62B45B21-8CAF-4434-97F4-76A23BC920DD}" dt="2021-10-05T02:28:49.796" v="831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62B45B21-8CAF-4434-97F4-76A23BC920DD}" dt="2021-10-05T02:28:49.797" v="832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62B45B21-8CAF-4434-97F4-76A23BC920DD}" dt="2021-10-05T02:28:49.798" v="834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62B45B21-8CAF-4434-97F4-76A23BC920DD}" dt="2021-10-05T02:28:49.795" v="830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77" v="61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62B45B21-8CAF-4434-97F4-76A23BC920DD}" dt="2021-10-05T02:28:49.799" v="835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077" v="61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62B45B21-8CAF-4434-97F4-76A23BC920DD}" dt="2021-10-05T02:28:49.808" v="839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62B45B21-8CAF-4434-97F4-76A23BC920DD}" dt="2021-10-05T02:28:49.802" v="836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62B45B21-8CAF-4434-97F4-76A23BC920DD}" dt="2021-10-05T02:28:49.805" v="837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88" v="6180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62B45B21-8CAF-4434-97F4-76A23BC920DD}" dt="2021-10-05T02:28:49.809" v="840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088" v="6180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62B45B21-8CAF-4434-97F4-76A23BC920DD}" dt="2021-10-05T02:28:49.815" v="844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62B45B21-8CAF-4434-97F4-76A23BC920DD}" dt="2021-10-05T02:28:49.810" v="841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62B45B21-8CAF-4434-97F4-76A23BC920DD}" dt="2021-10-05T02:28:49.812" v="842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00" v="6183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62B45B21-8CAF-4434-97F4-76A23BC920DD}" dt="2021-10-05T02:28:49.816" v="845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00" v="6183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62B45B21-8CAF-4434-97F4-76A23BC920DD}" dt="2021-10-05T02:28:49.825" v="849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62B45B21-8CAF-4434-97F4-76A23BC920DD}" dt="2021-10-05T02:28:49.819" v="846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62B45B21-8CAF-4434-97F4-76A23BC920DD}" dt="2021-10-05T02:28:49.821" v="847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10" v="6186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62B45B21-8CAF-4434-97F4-76A23BC920DD}" dt="2021-10-05T02:28:49.826" v="850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10" v="6186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62B45B21-8CAF-4434-97F4-76A23BC920DD}" dt="2021-10-05T02:28:49.832" v="854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62B45B21-8CAF-4434-97F4-76A23BC920DD}" dt="2021-10-05T02:28:49.828" v="851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62B45B21-8CAF-4434-97F4-76A23BC920DD}" dt="2021-10-05T02:28:49.830" v="852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21" v="6189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62B45B21-8CAF-4434-97F4-76A23BC920DD}" dt="2021-10-05T02:28:49.833" v="855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21" v="6189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62B45B21-8CAF-4434-97F4-76A23BC920DD}" dt="2021-10-05T02:28:49.836" v="859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62B45B21-8CAF-4434-97F4-76A23BC920DD}" dt="2021-10-05T02:28:49.834" v="856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62B45B21-8CAF-4434-97F4-76A23BC920DD}" dt="2021-10-05T02:28:49.835" v="857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32" v="6192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62B45B21-8CAF-4434-97F4-76A23BC920DD}" dt="2021-10-05T02:28:49.837" v="860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32" v="6192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62B45B21-8CAF-4434-97F4-76A23BC920DD}" dt="2021-10-05T02:28:49.841" v="864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62B45B21-8CAF-4434-97F4-76A23BC920DD}" dt="2021-10-05T02:28:49.838" v="861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62B45B21-8CAF-4434-97F4-76A23BC920DD}" dt="2021-10-05T02:28:49.839" v="862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43" v="6195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62B45B21-8CAF-4434-97F4-76A23BC920DD}" dt="2021-11-10T03:31:15.143" v="6195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62B45B21-8CAF-4434-97F4-76A23BC920DD}" dt="2021-10-05T02:28:49.845" v="868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62B45B21-8CAF-4434-97F4-76A23BC920DD}" dt="2021-10-05T02:28:49.842" v="865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62B45B21-8CAF-4434-97F4-76A23BC920DD}" dt="2021-10-05T02:28:49.843" v="866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52" v="6198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62B45B21-8CAF-4434-97F4-76A23BC920DD}" dt="2021-11-10T03:31:15.152" v="6198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62B45B21-8CAF-4434-97F4-76A23BC920DD}" dt="2021-10-05T02:28:49.849" v="871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62B45B21-8CAF-4434-97F4-76A23BC920DD}" dt="2021-10-05T02:28:49.847" v="869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74" v="6204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62B45B21-8CAF-4434-97F4-76A23BC920DD}" dt="2021-11-10T03:31:15.174" v="6204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62B45B21-8CAF-4434-97F4-76A23BC920DD}" dt="2021-10-05T02:28:49.852" v="874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853" v="876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67" v="6228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62B45B21-8CAF-4434-97F4-76A23BC920DD}" dt="2021-10-05T02:28:49.881" v="906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62B45B21-8CAF-4434-97F4-76A23BC920DD}" dt="2021-10-05T02:28:49.877" v="905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67" v="6228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62B45B21-8CAF-4434-97F4-76A23BC920DD}" dt="2021-10-05T02:28:49.883" v="908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53" v="6249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62B45B21-8CAF-4434-97F4-76A23BC920DD}" dt="2021-10-05T02:28:49.916" v="936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17" v="937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14" v="935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62B45B21-8CAF-4434-97F4-76A23BC920DD}" dt="2021-11-10T03:31:15.353" v="6249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62B45B21-8CAF-4434-97F4-76A23BC920DD}" dt="2021-10-05T02:28:49.919" v="939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65" v="6252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62B45B21-8CAF-4434-97F4-76A23BC920DD}" dt="2021-10-05T02:28:49.923" v="942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20" v="940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62B45B21-8CAF-4434-97F4-76A23BC920DD}" dt="2021-10-05T02:28:49.922" v="941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365" v="6252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62B45B21-8CAF-4434-97F4-76A23BC920DD}" dt="2021-10-05T02:28:49.925" v="944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32" v="6270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62B45B21-8CAF-4434-97F4-76A23BC920DD}" dt="2021-10-05T02:28:49.961" v="972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63" v="973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59" v="971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62B45B21-8CAF-4434-97F4-76A23BC920DD}" dt="2021-10-05T02:28:49.965" v="974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32" v="6270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62B45B21-8CAF-4434-97F4-76A23BC920DD}" dt="2021-10-05T02:28:49.966" v="976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42" v="6273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62B45B21-8CAF-4434-97F4-76A23BC920DD}" dt="2021-10-05T02:28:49.969" v="978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71" v="979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67" v="977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62B45B21-8CAF-4434-97F4-76A23BC920DD}" dt="2021-10-05T02:28:49.974" v="980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76" v="981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42" v="6273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62B45B21-8CAF-4434-97F4-76A23BC920DD}" dt="2021-10-05T02:28:49.978" v="983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53" v="6276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62B45B21-8CAF-4434-97F4-76A23BC920DD}" dt="2021-10-05T02:28:49.980" v="985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81" v="986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79" v="984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62B45B21-8CAF-4434-97F4-76A23BC920DD}" dt="2021-10-05T02:28:49.983" v="987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84" v="988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53" v="6276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62B45B21-8CAF-4434-97F4-76A23BC920DD}" dt="2021-10-05T02:28:49.986" v="990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64" v="6279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62B45B21-8CAF-4434-97F4-76A23BC920DD}" dt="2021-10-05T02:28:49.988" v="992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90" v="993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87" v="991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62B45B21-8CAF-4434-97F4-76A23BC920DD}" dt="2021-10-05T02:28:49.991" v="994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93" v="995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64" v="6279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62B45B21-8CAF-4434-97F4-76A23BC920DD}" dt="2021-10-05T02:28:49.994" v="997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85" v="6285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62B45B21-8CAF-4434-97F4-76A23BC920DD}" dt="2021-10-05T02:28:50.006" v="1006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08" v="1007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09" v="1008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1" v="1009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3" v="1011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2" v="1010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6" v="1013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5" v="1012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05" v="1005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62B45B21-8CAF-4434-97F4-76A23BC920DD}" dt="2021-11-10T03:31:15.485" v="6285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62B45B21-8CAF-4434-97F4-76A23BC920DD}" dt="2021-10-05T02:28:50.018" v="1015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08" v="623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62B45B21-8CAF-4434-97F4-76A23BC920DD}" dt="2021-10-05T02:28:49.895" v="918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893" v="917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62B45B21-8CAF-4434-97F4-76A23BC920DD}" dt="2021-11-10T03:31:15.308" v="623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62B45B21-8CAF-4434-97F4-76A23BC920DD}" dt="2021-10-05T02:28:49.896" v="920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19" v="6240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62B45B21-8CAF-4434-97F4-76A23BC920DD}" dt="2021-10-05T02:28:49.902" v="923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62B45B21-8CAF-4434-97F4-76A23BC920DD}" dt="2021-10-05T02:28:49.899" v="922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897" v="921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319" v="6240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62B45B21-8CAF-4434-97F4-76A23BC920DD}" dt="2021-10-05T02:28:49.904" v="925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30" v="6243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62B45B21-8CAF-4434-97F4-76A23BC920DD}" dt="2021-10-05T02:28:49.907" v="927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05" v="926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62B45B21-8CAF-4434-97F4-76A23BC920DD}" dt="2021-11-10T03:31:15.330" v="6243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62B45B21-8CAF-4434-97F4-76A23BC920DD}" dt="2021-10-05T02:28:49.908" v="929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42" v="6246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62B45B21-8CAF-4434-97F4-76A23BC920DD}" dt="2021-10-05T02:28:49.912" v="932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62B45B21-8CAF-4434-97F4-76A23BC920DD}" dt="2021-10-05T02:28:49.911" v="931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09" v="930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342" v="6246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62B45B21-8CAF-4434-97F4-76A23BC920DD}" dt="2021-10-05T02:28:49.913" v="934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77" v="6255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62B45B21-8CAF-4434-97F4-76A23BC920DD}" dt="2021-10-05T02:28:49.928" v="946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30" v="947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26" v="945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62B45B21-8CAF-4434-97F4-76A23BC920DD}" dt="2021-11-10T03:31:15.377" v="6255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62B45B21-8CAF-4434-97F4-76A23BC920DD}" dt="2021-10-05T02:28:49.932" v="949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89" v="6258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62B45B21-8CAF-4434-97F4-76A23BC920DD}" dt="2021-10-05T02:28:49.935" v="951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37" v="952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33" v="950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62B45B21-8CAF-4434-97F4-76A23BC920DD}" dt="2021-11-10T03:31:15.389" v="6258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62B45B21-8CAF-4434-97F4-76A23BC920DD}" dt="2021-10-05T02:28:49.938" v="954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01" v="6261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62B45B21-8CAF-4434-97F4-76A23BC920DD}" dt="2021-10-05T02:28:49.941" v="956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39" v="955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62B45B21-8CAF-4434-97F4-76A23BC920DD}" dt="2021-10-05T02:28:49.943" v="957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01" v="6261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62B45B21-8CAF-4434-97F4-76A23BC920DD}" dt="2021-10-05T02:28:49.945" v="959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11" v="6264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62B45B21-8CAF-4434-97F4-76A23BC920DD}" dt="2021-10-05T02:28:49.946" v="960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62B45B21-8CAF-4434-97F4-76A23BC920DD}" dt="2021-10-05T02:28:49.947" v="961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50" v="962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11" v="6264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62B45B21-8CAF-4434-97F4-76A23BC920DD}" dt="2021-10-05T02:28:49.951" v="964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75" v="6282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62B45B21-8CAF-4434-97F4-76A23BC920DD}" dt="2021-10-05T02:28:49.997" v="999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99" v="1000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" v="1001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02" v="1002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62B45B21-8CAF-4434-97F4-76A23BC920DD}" dt="2021-10-05T02:28:49.995" v="998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62B45B21-8CAF-4434-97F4-76A23BC920DD}" dt="2021-11-10T03:31:15.475" v="6282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62B45B21-8CAF-4434-97F4-76A23BC920DD}" dt="2021-10-05T02:28:50.004" v="1004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62" v="6201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62B45B21-8CAF-4434-97F4-76A23BC920DD}" dt="2021-11-10T03:31:15.162" v="6201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62B45B21-8CAF-4434-97F4-76A23BC920DD}" dt="2021-10-05T02:28:49.851" v="873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0-05T02:28:50.020" v="1016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62B45B21-8CAF-4434-97F4-76A23BC920DD}" dt="2021-10-05T02:28:50.020" v="1016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41" v="6168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62B45B21-8CAF-4434-97F4-76A23BC920DD}" dt="2021-10-05T02:28:49.785" v="820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62B45B21-8CAF-4434-97F4-76A23BC920DD}" dt="2021-10-05T02:28:49.786" v="821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62B45B21-8CAF-4434-97F4-76A23BC920DD}" dt="2021-10-05T02:28:49.787" v="822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62B45B21-8CAF-4434-97F4-76A23BC920DD}" dt="2021-11-10T03:31:15.041" v="6168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62B45B21-8CAF-4434-97F4-76A23BC920DD}" dt="2021-10-05T02:28:49.788" v="824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62B45B21-8CAF-4434-97F4-76A23BC920DD}" dt="2021-10-05T02:28:49.782" v="817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62B45B21-8CAF-4434-97F4-76A23BC920DD}" dt="2021-10-05T02:28:49.784" v="819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783" v="818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96" v="6234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62B45B21-8CAF-4434-97F4-76A23BC920DD}" dt="2021-10-05T02:28:49.890" v="914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62B45B21-8CAF-4434-97F4-76A23BC920DD}" dt="2021-10-05T02:28:49.888" v="913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62B45B21-8CAF-4434-97F4-76A23BC920DD}" dt="2021-11-10T03:31:15.296" v="6234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62B45B21-8CAF-4434-97F4-76A23BC920DD}" dt="2021-10-05T02:28:49.892" v="916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21" v="626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62B45B21-8CAF-4434-97F4-76A23BC920DD}" dt="2021-10-05T02:28:49.954" v="966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58" v="968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62B45B21-8CAF-4434-97F4-76A23BC920DD}" dt="2021-10-05T02:28:49.956" v="967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21" v="626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62B45B21-8CAF-4434-97F4-76A23BC920DD}" dt="2021-10-05T02:28:49.953" v="965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62B45B21-8CAF-4434-97F4-76A23BC920DD}" dt="2021-10-05T02:28:49.959" v="970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84" v="620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62B45B21-8CAF-4434-97F4-76A23BC920DD}" dt="2021-10-05T02:28:49.854" v="877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55" v="878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84" v="620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62B45B21-8CAF-4434-97F4-76A23BC920DD}" dt="2021-10-05T02:28:49.856" v="880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95" v="6210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62B45B21-8CAF-4434-97F4-76A23BC920DD}" dt="2021-10-05T02:28:49.857" v="881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58" v="882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95" v="6210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62B45B21-8CAF-4434-97F4-76A23BC920DD}" dt="2021-10-05T02:28:49.860" v="884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06" v="6213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62B45B21-8CAF-4434-97F4-76A23BC920DD}" dt="2021-10-05T02:28:49.860" v="885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61" v="886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06" v="6213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62B45B21-8CAF-4434-97F4-76A23BC920DD}" dt="2021-10-05T02:28:49.862" v="888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21" v="6216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62B45B21-8CAF-4434-97F4-76A23BC920DD}" dt="2021-10-05T02:28:49.863" v="889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64" v="890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21" v="6216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62B45B21-8CAF-4434-97F4-76A23BC920DD}" dt="2021-10-05T02:28:49.865" v="892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33" v="6219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62B45B21-8CAF-4434-97F4-76A23BC920DD}" dt="2021-10-05T02:28:49.866" v="893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67" v="894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33" v="6219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62B45B21-8CAF-4434-97F4-76A23BC920DD}" dt="2021-10-05T02:28:49.869" v="896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44" v="6222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62B45B21-8CAF-4434-97F4-76A23BC920DD}" dt="2021-10-05T02:28:49.869" v="897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71" v="898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44" v="6222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62B45B21-8CAF-4434-97F4-76A23BC920DD}" dt="2021-10-05T02:28:49.872" v="900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56" v="6225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62B45B21-8CAF-4434-97F4-76A23BC920DD}" dt="2021-10-05T02:28:49.873" v="901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74" v="902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56" v="6225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62B45B21-8CAF-4434-97F4-76A23BC920DD}" dt="2021-10-05T02:28:49.876" v="904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0-05T02:28:50.021" v="1018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62B45B21-8CAF-4434-97F4-76A23BC920DD}" dt="2021-10-05T02:28:50.021" v="1017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62B45B21-8CAF-4434-97F4-76A23BC920DD}" dt="2021-10-05T02:28:50.021" v="1018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0-05T02:28:50.207" v="1019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62B45B21-8CAF-4434-97F4-76A23BC920DD}" dt="2021-10-05T02:28:50.207" v="1019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79" v="6231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62B45B21-8CAF-4434-97F4-76A23BC920DD}" dt="2021-10-05T02:28:49.886" v="910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62B45B21-8CAF-4434-97F4-76A23BC920DD}" dt="2021-10-05T02:28:49.884" v="909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79" v="6231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62B45B21-8CAF-4434-97F4-76A23BC920DD}" dt="2021-10-05T02:28:49.887" v="912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Merve Gülmez" userId="3594cd17-5953-4511-8d53-8cfc799250e7" providerId="ADAL" clId="{2CCCCBB6-E0A3-43BD-A271-1B182CC636DE}"/>
    <pc:docChg chg="undo redo custSel addSld delSld modSld sldOrd modMainMaster">
      <pc:chgData name="Merve Gülmez" userId="3594cd17-5953-4511-8d53-8cfc799250e7" providerId="ADAL" clId="{2CCCCBB6-E0A3-43BD-A271-1B182CC636DE}" dt="2023-10-19T20:17:11.331" v="10996" actId="1076"/>
      <pc:docMkLst>
        <pc:docMk/>
      </pc:docMkLst>
      <pc:sldChg chg="addSp modSp mod modAnim modNotesTx">
        <pc:chgData name="Merve Gülmez" userId="3594cd17-5953-4511-8d53-8cfc799250e7" providerId="ADAL" clId="{2CCCCBB6-E0A3-43BD-A271-1B182CC636DE}" dt="2023-10-19T00:24:55.525" v="10100" actId="790"/>
        <pc:sldMkLst>
          <pc:docMk/>
          <pc:sldMk cId="1059806586" sldId="289"/>
        </pc:sldMkLst>
        <pc:spChg chg="mod">
          <ac:chgData name="Merve Gülmez" userId="3594cd17-5953-4511-8d53-8cfc799250e7" providerId="ADAL" clId="{2CCCCBB6-E0A3-43BD-A271-1B182CC636DE}" dt="2023-10-19T00:24:55.517" v="10094" actId="790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Gülmez" userId="3594cd17-5953-4511-8d53-8cfc799250e7" providerId="ADAL" clId="{2CCCCBB6-E0A3-43BD-A271-1B182CC636DE}" dt="2023-10-19T00:24:55.518" v="10095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Merve Gülmez" userId="3594cd17-5953-4511-8d53-8cfc799250e7" providerId="ADAL" clId="{2CCCCBB6-E0A3-43BD-A271-1B182CC636DE}" dt="2023-10-19T00:24:55.519" v="10096" actId="79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Merve Gülmez" userId="3594cd17-5953-4511-8d53-8cfc799250e7" providerId="ADAL" clId="{2CCCCBB6-E0A3-43BD-A271-1B182CC636DE}" dt="2023-10-19T00:24:55.520" v="10097" actId="790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Merve Gülmez" userId="3594cd17-5953-4511-8d53-8cfc799250e7" providerId="ADAL" clId="{2CCCCBB6-E0A3-43BD-A271-1B182CC636DE}" dt="2023-10-19T00:24:55.521" v="10098" actId="790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Merve Gülmez" userId="3594cd17-5953-4511-8d53-8cfc799250e7" providerId="ADAL" clId="{2CCCCBB6-E0A3-43BD-A271-1B182CC636DE}" dt="2023-10-19T00:24:55.522" v="10099" actId="790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Merve Gülmez" userId="3594cd17-5953-4511-8d53-8cfc799250e7" providerId="ADAL" clId="{2CCCCBB6-E0A3-43BD-A271-1B182CC636DE}" dt="2023-10-19T00:24:55.525" v="10100" actId="790"/>
          <ac:spMkLst>
            <pc:docMk/>
            <pc:sldMk cId="1059806586" sldId="289"/>
            <ac:spMk id="15" creationId="{80EDF406-7701-48DD-AAB0-B20D9721C7CC}"/>
          </ac:spMkLst>
        </pc:spChg>
        <pc:picChg chg="add mod">
          <ac:chgData name="Merve Gülmez" userId="3594cd17-5953-4511-8d53-8cfc799250e7" providerId="ADAL" clId="{2CCCCBB6-E0A3-43BD-A271-1B182CC636DE}" dt="2023-10-13T08:52:26.194" v="7848" actId="1076"/>
          <ac:picMkLst>
            <pc:docMk/>
            <pc:sldMk cId="1059806586" sldId="289"/>
            <ac:picMk id="2" creationId="{C7BAD736-A793-90E2-8508-D9AA87DF879C}"/>
          </ac:picMkLst>
        </pc:picChg>
      </pc:sldChg>
      <pc:sldChg chg="modSp mod ord">
        <pc:chgData name="Merve Gülmez" userId="3594cd17-5953-4511-8d53-8cfc799250e7" providerId="ADAL" clId="{2CCCCBB6-E0A3-43BD-A271-1B182CC636DE}" dt="2023-10-19T00:24:55.661" v="10214" actId="790"/>
        <pc:sldMkLst>
          <pc:docMk/>
          <pc:sldMk cId="2125387437" sldId="491"/>
        </pc:sldMkLst>
        <pc:spChg chg="mod">
          <ac:chgData name="Merve Gülmez" userId="3594cd17-5953-4511-8d53-8cfc799250e7" providerId="ADAL" clId="{2CCCCBB6-E0A3-43BD-A271-1B182CC636DE}" dt="2023-10-19T00:24:55.652" v="10208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Gülmez" userId="3594cd17-5953-4511-8d53-8cfc799250e7" providerId="ADAL" clId="{2CCCCBB6-E0A3-43BD-A271-1B182CC636DE}" dt="2023-10-19T00:24:55.655" v="10209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Gülmez" userId="3594cd17-5953-4511-8d53-8cfc799250e7" providerId="ADAL" clId="{2CCCCBB6-E0A3-43BD-A271-1B182CC636DE}" dt="2023-10-19T00:24:55.656" v="10210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Gülmez" userId="3594cd17-5953-4511-8d53-8cfc799250e7" providerId="ADAL" clId="{2CCCCBB6-E0A3-43BD-A271-1B182CC636DE}" dt="2023-10-19T00:24:55.658" v="10211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Gülmez" userId="3594cd17-5953-4511-8d53-8cfc799250e7" providerId="ADAL" clId="{2CCCCBB6-E0A3-43BD-A271-1B182CC636DE}" dt="2023-10-19T00:24:55.659" v="10212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Gülmez" userId="3594cd17-5953-4511-8d53-8cfc799250e7" providerId="ADAL" clId="{2CCCCBB6-E0A3-43BD-A271-1B182CC636DE}" dt="2023-10-19T00:24:55.660" v="10213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Gülmez" userId="3594cd17-5953-4511-8d53-8cfc799250e7" providerId="ADAL" clId="{2CCCCBB6-E0A3-43BD-A271-1B182CC636DE}" dt="2023-10-19T00:24:55.661" v="10214" actId="790"/>
          <ac:spMkLst>
            <pc:docMk/>
            <pc:sldMk cId="2125387437" sldId="491"/>
            <ac:spMk id="86" creationId="{881A8DC3-4C8F-42E9-BD08-9AC9D66EFDE1}"/>
          </ac:spMkLst>
        </pc:spChg>
      </pc:sldChg>
      <pc:sldChg chg="del">
        <pc:chgData name="Merve Gülmez" userId="3594cd17-5953-4511-8d53-8cfc799250e7" providerId="ADAL" clId="{2CCCCBB6-E0A3-43BD-A271-1B182CC636DE}" dt="2023-10-03T10:30:13.113" v="433" actId="47"/>
        <pc:sldMkLst>
          <pc:docMk/>
          <pc:sldMk cId="3526453984" sldId="492"/>
        </pc:sldMkLst>
      </pc:sldChg>
      <pc:sldChg chg="addSp delSp modSp add del mod modAnim">
        <pc:chgData name="Merve Gülmez" userId="3594cd17-5953-4511-8d53-8cfc799250e7" providerId="ADAL" clId="{2CCCCBB6-E0A3-43BD-A271-1B182CC636DE}" dt="2023-10-11T12:18:04.280" v="6435" actId="47"/>
        <pc:sldMkLst>
          <pc:docMk/>
          <pc:sldMk cId="1207694637" sldId="496"/>
        </pc:sldMkLst>
        <pc:spChg chg="mod">
          <ac:chgData name="Merve Gülmez" userId="3594cd17-5953-4511-8d53-8cfc799250e7" providerId="ADAL" clId="{2CCCCBB6-E0A3-43BD-A271-1B182CC636DE}" dt="2023-10-04T07:41:02.148" v="1504" actId="20577"/>
          <ac:spMkLst>
            <pc:docMk/>
            <pc:sldMk cId="1207694637" sldId="496"/>
            <ac:spMk id="2" creationId="{5552E3F4-9A06-4671-B090-DF3C6F71903B}"/>
          </ac:spMkLst>
        </pc:spChg>
        <pc:spChg chg="add mod">
          <ac:chgData name="Merve Gülmez" userId="3594cd17-5953-4511-8d53-8cfc799250e7" providerId="ADAL" clId="{2CCCCBB6-E0A3-43BD-A271-1B182CC636DE}" dt="2023-10-11T11:15:05.942" v="6035" actId="5793"/>
          <ac:spMkLst>
            <pc:docMk/>
            <pc:sldMk cId="1207694637" sldId="496"/>
            <ac:spMk id="3" creationId="{DF57C693-D723-055D-8D72-088DB4A3F684}"/>
          </ac:spMkLst>
        </pc:spChg>
        <pc:spChg chg="mod">
          <ac:chgData name="Merve Gülmez" userId="3594cd17-5953-4511-8d53-8cfc799250e7" providerId="ADAL" clId="{2CCCCBB6-E0A3-43BD-A271-1B182CC636DE}" dt="2023-10-04T07:41:09.232" v="1505" actId="20577"/>
          <ac:spMkLst>
            <pc:docMk/>
            <pc:sldMk cId="1207694637" sldId="496"/>
            <ac:spMk id="12" creationId="{D643F25B-8492-4DBB-97E5-26AEE18BC390}"/>
          </ac:spMkLst>
        </pc:spChg>
        <pc:picChg chg="add del mod">
          <ac:chgData name="Merve Gülmez" userId="3594cd17-5953-4511-8d53-8cfc799250e7" providerId="ADAL" clId="{2CCCCBB6-E0A3-43BD-A271-1B182CC636DE}" dt="2023-10-04T07:41:19.886" v="1510" actId="21"/>
          <ac:picMkLst>
            <pc:docMk/>
            <pc:sldMk cId="1207694637" sldId="496"/>
            <ac:picMk id="4" creationId="{A3A196AB-1C57-39A5-4888-46D935722210}"/>
          </ac:picMkLst>
        </pc:picChg>
      </pc:sldChg>
      <pc:sldChg chg="del">
        <pc:chgData name="Merve Gülmez" userId="3594cd17-5953-4511-8d53-8cfc799250e7" providerId="ADAL" clId="{2CCCCBB6-E0A3-43BD-A271-1B182CC636DE}" dt="2023-10-04T07:10:02.636" v="1332" actId="47"/>
        <pc:sldMkLst>
          <pc:docMk/>
          <pc:sldMk cId="2291861504" sldId="531"/>
        </pc:sldMkLst>
      </pc:sldChg>
      <pc:sldChg chg="addSp delSp modSp add del mod">
        <pc:chgData name="Merve Gülmez" userId="3594cd17-5953-4511-8d53-8cfc799250e7" providerId="ADAL" clId="{2CCCCBB6-E0A3-43BD-A271-1B182CC636DE}" dt="2023-10-08T07:46:54.429" v="2480" actId="47"/>
        <pc:sldMkLst>
          <pc:docMk/>
          <pc:sldMk cId="2411121823" sldId="533"/>
        </pc:sldMkLst>
        <pc:spChg chg="del">
          <ac:chgData name="Merve Gülmez" userId="3594cd17-5953-4511-8d53-8cfc799250e7" providerId="ADAL" clId="{2CCCCBB6-E0A3-43BD-A271-1B182CC636DE}" dt="2023-10-03T10:30:28.311" v="437" actId="478"/>
          <ac:spMkLst>
            <pc:docMk/>
            <pc:sldMk cId="2411121823" sldId="533"/>
            <ac:spMk id="3" creationId="{C78F839D-CE16-4592-A70C-94B51B118806}"/>
          </ac:spMkLst>
        </pc:spChg>
        <pc:spChg chg="add mod">
          <ac:chgData name="Merve Gülmez" userId="3594cd17-5953-4511-8d53-8cfc799250e7" providerId="ADAL" clId="{2CCCCBB6-E0A3-43BD-A271-1B182CC636DE}" dt="2023-10-03T10:30:28.311" v="437" actId="478"/>
          <ac:spMkLst>
            <pc:docMk/>
            <pc:sldMk cId="2411121823" sldId="533"/>
            <ac:spMk id="7" creationId="{7AC69CD9-7AE3-C575-2F6B-761FC8DF887C}"/>
          </ac:spMkLst>
        </pc:spChg>
      </pc:sldChg>
      <pc:sldChg chg="del">
        <pc:chgData name="Merve Gülmez" userId="3594cd17-5953-4511-8d53-8cfc799250e7" providerId="ADAL" clId="{2CCCCBB6-E0A3-43BD-A271-1B182CC636DE}" dt="2023-10-08T07:47:06.228" v="2484" actId="47"/>
        <pc:sldMkLst>
          <pc:docMk/>
          <pc:sldMk cId="3883732232" sldId="536"/>
        </pc:sldMkLst>
      </pc:sldChg>
      <pc:sldChg chg="addSp delSp modSp mod ord addAnim delAnim modAnim modShow">
        <pc:chgData name="Merve Gülmez" userId="3594cd17-5953-4511-8d53-8cfc799250e7" providerId="ADAL" clId="{2CCCCBB6-E0A3-43BD-A271-1B182CC636DE}" dt="2023-10-19T00:24:55.742" v="10281" actId="790"/>
        <pc:sldMkLst>
          <pc:docMk/>
          <pc:sldMk cId="2892264309" sldId="539"/>
        </pc:sldMkLst>
        <pc:spChg chg="mod">
          <ac:chgData name="Merve Gülmez" userId="3594cd17-5953-4511-8d53-8cfc799250e7" providerId="ADAL" clId="{2CCCCBB6-E0A3-43BD-A271-1B182CC636DE}" dt="2023-10-19T00:24:55.718" v="10255" actId="790"/>
          <ac:spMkLst>
            <pc:docMk/>
            <pc:sldMk cId="2892264309" sldId="539"/>
            <ac:spMk id="2" creationId="{585734A3-2D83-4583-BB70-FB7D4792311D}"/>
          </ac:spMkLst>
        </pc:spChg>
        <pc:spChg chg="add del mod">
          <ac:chgData name="Merve Gülmez" userId="3594cd17-5953-4511-8d53-8cfc799250e7" providerId="ADAL" clId="{2CCCCBB6-E0A3-43BD-A271-1B182CC636DE}" dt="2023-10-10T06:44:32.346" v="3806" actId="478"/>
          <ac:spMkLst>
            <pc:docMk/>
            <pc:sldMk cId="2892264309" sldId="539"/>
            <ac:spMk id="3" creationId="{DE1530AD-CCDC-E12B-D0C5-702AAEF95E1E}"/>
          </ac:spMkLst>
        </pc:spChg>
        <pc:spChg chg="add mod">
          <ac:chgData name="Merve Gülmez" userId="3594cd17-5953-4511-8d53-8cfc799250e7" providerId="ADAL" clId="{2CCCCBB6-E0A3-43BD-A271-1B182CC636DE}" dt="2023-10-19T00:24:55.720" v="10257" actId="790"/>
          <ac:spMkLst>
            <pc:docMk/>
            <pc:sldMk cId="2892264309" sldId="539"/>
            <ac:spMk id="4" creationId="{126CDA89-55C9-ED3A-5C17-9CAEA6F05237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" creationId="{78C9F7A0-78EF-33C9-81E8-9B8E8962EF8C}"/>
          </ac:spMkLst>
        </pc:spChg>
        <pc:spChg chg="del mod">
          <ac:chgData name="Merve Gülmez" userId="3594cd17-5953-4511-8d53-8cfc799250e7" providerId="ADAL" clId="{2CCCCBB6-E0A3-43BD-A271-1B182CC636DE}" dt="2023-10-10T18:37:45.840" v="4657" actId="478"/>
          <ac:spMkLst>
            <pc:docMk/>
            <pc:sldMk cId="2892264309" sldId="539"/>
            <ac:spMk id="6" creationId="{41B7A93F-87A6-4C7B-BB5A-89757BA1A568}"/>
          </ac:spMkLst>
        </pc:spChg>
        <pc:spChg chg="del mod">
          <ac:chgData name="Merve Gülmez" userId="3594cd17-5953-4511-8d53-8cfc799250e7" providerId="ADAL" clId="{2CCCCBB6-E0A3-43BD-A271-1B182CC636DE}" dt="2023-10-10T06:44:39.329" v="3807" actId="478"/>
          <ac:spMkLst>
            <pc:docMk/>
            <pc:sldMk cId="2892264309" sldId="539"/>
            <ac:spMk id="7" creationId="{E24756D4-8135-4741-B3EA-5AF686A60A98}"/>
          </ac:spMkLst>
        </pc:spChg>
        <pc:spChg chg="del">
          <ac:chgData name="Merve Gülmez" userId="3594cd17-5953-4511-8d53-8cfc799250e7" providerId="ADAL" clId="{2CCCCBB6-E0A3-43BD-A271-1B182CC636DE}" dt="2023-10-08T07:55:28.336" v="2516" actId="478"/>
          <ac:spMkLst>
            <pc:docMk/>
            <pc:sldMk cId="2892264309" sldId="539"/>
            <ac:spMk id="8" creationId="{0F857DFE-2EFE-4A13-89EF-8B3A57D46F36}"/>
          </ac:spMkLst>
        </pc:spChg>
        <pc:spChg chg="add mod">
          <ac:chgData name="Merve Gülmez" userId="3594cd17-5953-4511-8d53-8cfc799250e7" providerId="ADAL" clId="{2CCCCBB6-E0A3-43BD-A271-1B182CC636DE}" dt="2023-10-19T00:24:55.721" v="10258"/>
          <ac:spMkLst>
            <pc:docMk/>
            <pc:sldMk cId="2892264309" sldId="539"/>
            <ac:spMk id="8" creationId="{FFD89B22-1EC8-5D7A-6661-669A7CFC3678}"/>
          </ac:spMkLst>
        </pc:spChg>
        <pc:spChg chg="del">
          <ac:chgData name="Merve Gülmez" userId="3594cd17-5953-4511-8d53-8cfc799250e7" providerId="ADAL" clId="{2CCCCBB6-E0A3-43BD-A271-1B182CC636DE}" dt="2023-10-04T07:19:22.544" v="1468" actId="478"/>
          <ac:spMkLst>
            <pc:docMk/>
            <pc:sldMk cId="2892264309" sldId="539"/>
            <ac:spMk id="9" creationId="{216D8602-3DBE-4ADC-B272-247184D2EAE6}"/>
          </ac:spMkLst>
        </pc:spChg>
        <pc:spChg chg="add mod">
          <ac:chgData name="Merve Gülmez" userId="3594cd17-5953-4511-8d53-8cfc799250e7" providerId="ADAL" clId="{2CCCCBB6-E0A3-43BD-A271-1B182CC636DE}" dt="2023-10-19T00:24:55.722" v="10259"/>
          <ac:spMkLst>
            <pc:docMk/>
            <pc:sldMk cId="2892264309" sldId="539"/>
            <ac:spMk id="9" creationId="{8ED9F2D2-B91E-FA4D-A8E5-77DDCD2C146F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9" creationId="{BEFE1A9A-C066-0539-079E-D77564F325B8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0" creationId="{069EE07C-828A-08AD-9D8E-EA3FB6AA5EC6}"/>
          </ac:spMkLst>
        </pc:spChg>
        <pc:spChg chg="add del mod">
          <ac:chgData name="Merve Gülmez" userId="3594cd17-5953-4511-8d53-8cfc799250e7" providerId="ADAL" clId="{2CCCCBB6-E0A3-43BD-A271-1B182CC636DE}" dt="2023-10-10T06:22:15.723" v="3745" actId="478"/>
          <ac:spMkLst>
            <pc:docMk/>
            <pc:sldMk cId="2892264309" sldId="539"/>
            <ac:spMk id="10" creationId="{AEDFD15A-CB91-35F8-E5FD-C4CF48D1E72B}"/>
          </ac:spMkLst>
        </pc:spChg>
        <pc:spChg chg="add mod">
          <ac:chgData name="Merve Gülmez" userId="3594cd17-5953-4511-8d53-8cfc799250e7" providerId="ADAL" clId="{2CCCCBB6-E0A3-43BD-A271-1B182CC636DE}" dt="2023-10-19T00:24:55.722" v="10260"/>
          <ac:spMkLst>
            <pc:docMk/>
            <pc:sldMk cId="2892264309" sldId="539"/>
            <ac:spMk id="11" creationId="{48E9B4F1-40C1-ADBA-C5D0-CFC1D794A5BD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1" creationId="{88A42D18-B26C-AD91-1E16-8D90448A9814}"/>
          </ac:spMkLst>
        </pc:spChg>
        <pc:spChg chg="add mod">
          <ac:chgData name="Merve Gülmez" userId="3594cd17-5953-4511-8d53-8cfc799250e7" providerId="ADAL" clId="{2CCCCBB6-E0A3-43BD-A271-1B182CC636DE}" dt="2023-10-19T00:24:55.723" v="10261"/>
          <ac:spMkLst>
            <pc:docMk/>
            <pc:sldMk cId="2892264309" sldId="539"/>
            <ac:spMk id="12" creationId="{843D3F5A-827D-732C-E5A5-EFC7816343FC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2" creationId="{9A71D757-BB6E-3A55-44E3-10DAE0946FA3}"/>
          </ac:spMkLst>
        </pc:spChg>
        <pc:spChg chg="add mod">
          <ac:chgData name="Merve Gülmez" userId="3594cd17-5953-4511-8d53-8cfc799250e7" providerId="ADAL" clId="{2CCCCBB6-E0A3-43BD-A271-1B182CC636DE}" dt="2023-10-19T00:24:55.724" v="10262"/>
          <ac:spMkLst>
            <pc:docMk/>
            <pc:sldMk cId="2892264309" sldId="539"/>
            <ac:spMk id="13" creationId="{05BC7A4D-FC1B-B55F-FEAA-D7B0E5513320}"/>
          </ac:spMkLst>
        </pc:spChg>
        <pc:spChg chg="add mod">
          <ac:chgData name="Merve Gülmez" userId="3594cd17-5953-4511-8d53-8cfc799250e7" providerId="ADAL" clId="{2CCCCBB6-E0A3-43BD-A271-1B182CC636DE}" dt="2023-10-19T00:24:55.725" v="10263"/>
          <ac:spMkLst>
            <pc:docMk/>
            <pc:sldMk cId="2892264309" sldId="539"/>
            <ac:spMk id="14" creationId="{9585670C-9160-0E6B-CB3F-6BB17FF84F9A}"/>
          </ac:spMkLst>
        </pc:spChg>
        <pc:spChg chg="add mod">
          <ac:chgData name="Merve Gülmez" userId="3594cd17-5953-4511-8d53-8cfc799250e7" providerId="ADAL" clId="{2CCCCBB6-E0A3-43BD-A271-1B182CC636DE}" dt="2023-10-19T00:24:55.726" v="10264"/>
          <ac:spMkLst>
            <pc:docMk/>
            <pc:sldMk cId="2892264309" sldId="539"/>
            <ac:spMk id="15" creationId="{369F7E9B-7B72-1121-776F-CE63EED5CFDA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5" creationId="{ACEA128E-0122-90EA-7683-7352DB359055}"/>
          </ac:spMkLst>
        </pc:spChg>
        <pc:spChg chg="add mod">
          <ac:chgData name="Merve Gülmez" userId="3594cd17-5953-4511-8d53-8cfc799250e7" providerId="ADAL" clId="{2CCCCBB6-E0A3-43BD-A271-1B182CC636DE}" dt="2023-10-19T00:24:55.727" v="10265"/>
          <ac:spMkLst>
            <pc:docMk/>
            <pc:sldMk cId="2892264309" sldId="539"/>
            <ac:spMk id="16" creationId="{514AF02B-ED57-9023-E80B-9471C7B8490C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7" creationId="{87FEF14B-422B-8296-2BD0-49D3A8B28890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9" creationId="{16792FAA-CF20-88CD-DBA4-27632B52E3D5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0" creationId="{228146D9-6CB5-0E0D-EAF6-4140E3DC2164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1" creationId="{9FC8AC6C-601E-E1CD-5E9B-B61CEC9DEA4D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2" creationId="{7F8E5640-10A4-F00D-6AFD-51B457797157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3" creationId="{C2180170-1625-2D5D-4F3C-F3A4A70E655A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4" creationId="{F5A5CC68-9394-EE22-0B6A-6B93DCFF4352}"/>
          </ac:spMkLst>
        </pc:spChg>
        <pc:spChg chg="add mod">
          <ac:chgData name="Merve Gülmez" userId="3594cd17-5953-4511-8d53-8cfc799250e7" providerId="ADAL" clId="{2CCCCBB6-E0A3-43BD-A271-1B182CC636DE}" dt="2023-10-19T00:24:55.728" v="10266"/>
          <ac:spMkLst>
            <pc:docMk/>
            <pc:sldMk cId="2892264309" sldId="539"/>
            <ac:spMk id="25" creationId="{612053A5-6009-2EFA-C3D4-767C163B2B2B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5" creationId="{CD3EFB3A-B3EA-089B-E4D6-5EBFA11F4BEB}"/>
          </ac:spMkLst>
        </pc:spChg>
        <pc:spChg chg="add mod">
          <ac:chgData name="Merve Gülmez" userId="3594cd17-5953-4511-8d53-8cfc799250e7" providerId="ADAL" clId="{2CCCCBB6-E0A3-43BD-A271-1B182CC636DE}" dt="2023-10-19T00:24:55.729" v="10267"/>
          <ac:spMkLst>
            <pc:docMk/>
            <pc:sldMk cId="2892264309" sldId="539"/>
            <ac:spMk id="26" creationId="{A20E916B-264E-F1C1-D736-97BCE57DD6B2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6" creationId="{F8503D2A-C959-0329-2850-7E6011E7688F}"/>
          </ac:spMkLst>
        </pc:spChg>
        <pc:spChg chg="add mod">
          <ac:chgData name="Merve Gülmez" userId="3594cd17-5953-4511-8d53-8cfc799250e7" providerId="ADAL" clId="{2CCCCBB6-E0A3-43BD-A271-1B182CC636DE}" dt="2023-10-19T00:24:55.729" v="10268"/>
          <ac:spMkLst>
            <pc:docMk/>
            <pc:sldMk cId="2892264309" sldId="539"/>
            <ac:spMk id="27" creationId="{32DBB8C2-3925-4E97-BB64-3321EC4144B3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7" creationId="{F0B761D7-3BE1-E9BC-DEC5-33AAFD0DACBA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8" creationId="{E616341A-060D-58A8-861F-4995DA75B3D9}"/>
          </ac:spMkLst>
        </pc:spChg>
        <pc:spChg chg="add mod">
          <ac:chgData name="Merve Gülmez" userId="3594cd17-5953-4511-8d53-8cfc799250e7" providerId="ADAL" clId="{2CCCCBB6-E0A3-43BD-A271-1B182CC636DE}" dt="2023-10-19T00:24:55.730" v="10269"/>
          <ac:spMkLst>
            <pc:docMk/>
            <pc:sldMk cId="2892264309" sldId="539"/>
            <ac:spMk id="28" creationId="{EA93954E-C08D-F3EF-4FF5-A61B83EAB803}"/>
          </ac:spMkLst>
        </pc:spChg>
        <pc:spChg chg="add mod">
          <ac:chgData name="Merve Gülmez" userId="3594cd17-5953-4511-8d53-8cfc799250e7" providerId="ADAL" clId="{2CCCCBB6-E0A3-43BD-A271-1B182CC636DE}" dt="2023-10-19T00:24:55.731" v="10270"/>
          <ac:spMkLst>
            <pc:docMk/>
            <pc:sldMk cId="2892264309" sldId="539"/>
            <ac:spMk id="29" creationId="{FD05A629-101E-05EB-2686-68417CEB5228}"/>
          </ac:spMkLst>
        </pc:spChg>
        <pc:spChg chg="add mod">
          <ac:chgData name="Merve Gülmez" userId="3594cd17-5953-4511-8d53-8cfc799250e7" providerId="ADAL" clId="{2CCCCBB6-E0A3-43BD-A271-1B182CC636DE}" dt="2023-10-19T00:24:55.731" v="10271"/>
          <ac:spMkLst>
            <pc:docMk/>
            <pc:sldMk cId="2892264309" sldId="539"/>
            <ac:spMk id="30" creationId="{2949715E-85C0-BE7A-CAA1-E92235AE07AF}"/>
          </ac:spMkLst>
        </pc:spChg>
        <pc:spChg chg="add mod">
          <ac:chgData name="Merve Gülmez" userId="3594cd17-5953-4511-8d53-8cfc799250e7" providerId="ADAL" clId="{2CCCCBB6-E0A3-43BD-A271-1B182CC636DE}" dt="2023-10-19T00:24:55.731" v="10272"/>
          <ac:spMkLst>
            <pc:docMk/>
            <pc:sldMk cId="2892264309" sldId="539"/>
            <ac:spMk id="32" creationId="{8AC09999-0B62-838E-10F1-94D54FC98881}"/>
          </ac:spMkLst>
        </pc:spChg>
        <pc:spChg chg="add mod">
          <ac:chgData name="Merve Gülmez" userId="3594cd17-5953-4511-8d53-8cfc799250e7" providerId="ADAL" clId="{2CCCCBB6-E0A3-43BD-A271-1B182CC636DE}" dt="2023-10-19T00:24:55.732" v="10273"/>
          <ac:spMkLst>
            <pc:docMk/>
            <pc:sldMk cId="2892264309" sldId="539"/>
            <ac:spMk id="34" creationId="{D856ED8E-1D71-BB24-3AA3-F7BA82D6DB96}"/>
          </ac:spMkLst>
        </pc:spChg>
        <pc:spChg chg="add del mod">
          <ac:chgData name="Merve Gülmez" userId="3594cd17-5953-4511-8d53-8cfc799250e7" providerId="ADAL" clId="{2CCCCBB6-E0A3-43BD-A271-1B182CC636DE}" dt="2023-10-10T06:01:25.209" v="3740" actId="478"/>
          <ac:spMkLst>
            <pc:docMk/>
            <pc:sldMk cId="2892264309" sldId="539"/>
            <ac:spMk id="36" creationId="{A9A3756F-76BB-6ED5-A595-35906E816F51}"/>
          </ac:spMkLst>
        </pc:spChg>
        <pc:spChg chg="add del mod">
          <ac:chgData name="Merve Gülmez" userId="3594cd17-5953-4511-8d53-8cfc799250e7" providerId="ADAL" clId="{2CCCCBB6-E0A3-43BD-A271-1B182CC636DE}" dt="2023-10-10T06:01:26.474" v="3741" actId="478"/>
          <ac:spMkLst>
            <pc:docMk/>
            <pc:sldMk cId="2892264309" sldId="539"/>
            <ac:spMk id="37" creationId="{23A18F02-F74D-18ED-00F9-D2D45D78DFB1}"/>
          </ac:spMkLst>
        </pc:spChg>
        <pc:spChg chg="add del mod">
          <ac:chgData name="Merve Gülmez" userId="3594cd17-5953-4511-8d53-8cfc799250e7" providerId="ADAL" clId="{2CCCCBB6-E0A3-43BD-A271-1B182CC636DE}" dt="2023-10-10T06:01:28.054" v="3742" actId="478"/>
          <ac:spMkLst>
            <pc:docMk/>
            <pc:sldMk cId="2892264309" sldId="539"/>
            <ac:spMk id="38" creationId="{6FC3AB12-696E-8BBA-7607-B1D61549E8C7}"/>
          </ac:spMkLst>
        </pc:spChg>
        <pc:spChg chg="add del mod">
          <ac:chgData name="Merve Gülmez" userId="3594cd17-5953-4511-8d53-8cfc799250e7" providerId="ADAL" clId="{2CCCCBB6-E0A3-43BD-A271-1B182CC636DE}" dt="2023-10-10T06:01:23.939" v="3739" actId="478"/>
          <ac:spMkLst>
            <pc:docMk/>
            <pc:sldMk cId="2892264309" sldId="539"/>
            <ac:spMk id="39" creationId="{9A55FA4E-BE48-0B7A-9CB2-A338F58E3A10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0" creationId="{A31328A8-4BBE-6FB9-8E79-0C3B995C2856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1" creationId="{50BB5E98-110B-AA3E-D6F7-45EACD101D80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2" creationId="{0B101A37-B7DC-C303-31CC-54B745330023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3" creationId="{EF470DE6-5863-CA90-367A-80D497B463F6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4" creationId="{6DC94035-3039-5831-1410-43A57B6ECED5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5" creationId="{4044CD3E-6643-3885-C54D-F113E12401BF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6" creationId="{1209B8A8-FD80-2EFD-8AFB-63F143C04534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7" creationId="{D3BBCF7B-80FA-F75D-8B96-48FA333A97DB}"/>
          </ac:spMkLst>
        </pc:spChg>
        <pc:spChg chg="add mod">
          <ac:chgData name="Merve Gülmez" userId="3594cd17-5953-4511-8d53-8cfc799250e7" providerId="ADAL" clId="{2CCCCBB6-E0A3-43BD-A271-1B182CC636DE}" dt="2023-10-19T00:24:55.734" v="10274"/>
          <ac:spMkLst>
            <pc:docMk/>
            <pc:sldMk cId="2892264309" sldId="539"/>
            <ac:spMk id="48" creationId="{4165CDEF-3B5D-0A0C-19F3-90B248C3236B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8" creationId="{D4AE4AE3-3A9D-949E-A7B3-495BB54A708D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9" creationId="{7B842E6C-ABDA-C782-A55E-4027049FB51E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0" creationId="{19CA5E3B-A741-A78A-7F8E-9E17B9922A88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1" creationId="{8D297B27-22E9-D2CD-A252-FEAF24A46C62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2" creationId="{DC0FB25D-CF33-C9A4-2442-413D0E97330A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3" creationId="{BB5AEF64-B128-B173-085F-4DF6F308B24E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4" creationId="{C41E6FF6-AF7D-092C-A738-0F87056D2D34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5" creationId="{BBC28C6F-2951-5619-F5D3-BF4F4369E87F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6" creationId="{292F0D91-FD5F-7A3B-4C04-2670E1AC66C7}"/>
          </ac:spMkLst>
        </pc:spChg>
        <pc:spChg chg="add del mod">
          <ac:chgData name="Merve Gülmez" userId="3594cd17-5953-4511-8d53-8cfc799250e7" providerId="ADAL" clId="{2CCCCBB6-E0A3-43BD-A271-1B182CC636DE}" dt="2023-10-10T06:59:15.351" v="3932" actId="478"/>
          <ac:spMkLst>
            <pc:docMk/>
            <pc:sldMk cId="2892264309" sldId="539"/>
            <ac:spMk id="56" creationId="{EBD9043F-461E-D9DC-83C2-2C6290DB172B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7" creationId="{5432BFAC-D559-C671-B24D-C65928C36ADB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8" creationId="{0A55AEF1-0245-68D6-C493-A6CEBB864E2C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9" creationId="{3AEE6EB6-8A8C-30D9-6B94-66346D8DBA26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60" creationId="{1A801485-64B1-2DA8-A633-D2A9F3DC2FCD}"/>
          </ac:spMkLst>
        </pc:spChg>
        <pc:spChg chg="add mod">
          <ac:chgData name="Merve Gülmez" userId="3594cd17-5953-4511-8d53-8cfc799250e7" providerId="ADAL" clId="{2CCCCBB6-E0A3-43BD-A271-1B182CC636DE}" dt="2023-10-19T00:24:55.719" v="10256" actId="790"/>
          <ac:spMkLst>
            <pc:docMk/>
            <pc:sldMk cId="2892264309" sldId="539"/>
            <ac:spMk id="61" creationId="{15941AD8-E53D-E11C-9279-329699C2A0C7}"/>
          </ac:spMkLst>
        </pc:spChg>
        <pc:spChg chg="add del mod">
          <ac:chgData name="Merve Gülmez" userId="3594cd17-5953-4511-8d53-8cfc799250e7" providerId="ADAL" clId="{2CCCCBB6-E0A3-43BD-A271-1B182CC636DE}" dt="2023-10-13T12:47:28.415" v="8653" actId="478"/>
          <ac:spMkLst>
            <pc:docMk/>
            <pc:sldMk cId="2892264309" sldId="539"/>
            <ac:spMk id="62" creationId="{5ED32F9C-92D8-CCBC-B9A3-E49A3FB796E1}"/>
          </ac:spMkLst>
        </pc:spChg>
        <pc:spChg chg="add del mod">
          <ac:chgData name="Merve Gülmez" userId="3594cd17-5953-4511-8d53-8cfc799250e7" providerId="ADAL" clId="{2CCCCBB6-E0A3-43BD-A271-1B182CC636DE}" dt="2023-10-10T08:57:09.337" v="4045"/>
          <ac:spMkLst>
            <pc:docMk/>
            <pc:sldMk cId="2892264309" sldId="539"/>
            <ac:spMk id="98" creationId="{6A50F7A1-2E97-B60D-2013-E1DD92919A85}"/>
          </ac:spMkLst>
        </pc:spChg>
        <pc:spChg chg="add del mod">
          <ac:chgData name="Merve Gülmez" userId="3594cd17-5953-4511-8d53-8cfc799250e7" providerId="ADAL" clId="{2CCCCBB6-E0A3-43BD-A271-1B182CC636DE}" dt="2023-10-13T12:46:42.027" v="8632" actId="21"/>
          <ac:spMkLst>
            <pc:docMk/>
            <pc:sldMk cId="2892264309" sldId="539"/>
            <ac:spMk id="100" creationId="{16FCE30F-6483-EC4C-F408-2ACC8D448DBC}"/>
          </ac:spMkLst>
        </pc:spChg>
        <pc:spChg chg="add mod">
          <ac:chgData name="Merve Gülmez" userId="3594cd17-5953-4511-8d53-8cfc799250e7" providerId="ADAL" clId="{2CCCCBB6-E0A3-43BD-A271-1B182CC636DE}" dt="2023-10-19T00:24:55.735" v="10275" actId="790"/>
          <ac:spMkLst>
            <pc:docMk/>
            <pc:sldMk cId="2892264309" sldId="539"/>
            <ac:spMk id="102" creationId="{6DD1F6FF-4029-2643-29A3-FE9FE43C284A}"/>
          </ac:spMkLst>
        </pc:spChg>
        <pc:spChg chg="add mod">
          <ac:chgData name="Merve Gülmez" userId="3594cd17-5953-4511-8d53-8cfc799250e7" providerId="ADAL" clId="{2CCCCBB6-E0A3-43BD-A271-1B182CC636DE}" dt="2023-10-19T00:24:55.736" v="10276"/>
          <ac:spMkLst>
            <pc:docMk/>
            <pc:sldMk cId="2892264309" sldId="539"/>
            <ac:spMk id="106" creationId="{0458C78C-70A4-DBD1-CDE9-D223A740970B}"/>
          </ac:spMkLst>
        </pc:spChg>
        <pc:spChg chg="add del mod">
          <ac:chgData name="Merve Gülmez" userId="3594cd17-5953-4511-8d53-8cfc799250e7" providerId="ADAL" clId="{2CCCCBB6-E0A3-43BD-A271-1B182CC636DE}" dt="2023-10-10T18:45:37.043" v="4812" actId="478"/>
          <ac:spMkLst>
            <pc:docMk/>
            <pc:sldMk cId="2892264309" sldId="539"/>
            <ac:spMk id="115" creationId="{E75FB4E3-9433-9D46-11A0-DA569C364718}"/>
          </ac:spMkLst>
        </pc:spChg>
        <pc:spChg chg="add del mod">
          <ac:chgData name="Merve Gülmez" userId="3594cd17-5953-4511-8d53-8cfc799250e7" providerId="ADAL" clId="{2CCCCBB6-E0A3-43BD-A271-1B182CC636DE}" dt="2023-10-10T18:46:25.173" v="4840" actId="21"/>
          <ac:spMkLst>
            <pc:docMk/>
            <pc:sldMk cId="2892264309" sldId="539"/>
            <ac:spMk id="128" creationId="{3F9E2E3A-FB55-C105-6DA9-776BE14F9608}"/>
          </ac:spMkLst>
        </pc:spChg>
        <pc:spChg chg="add del mod">
          <ac:chgData name="Merve Gülmez" userId="3594cd17-5953-4511-8d53-8cfc799250e7" providerId="ADAL" clId="{2CCCCBB6-E0A3-43BD-A271-1B182CC636DE}" dt="2023-10-10T18:46:25.173" v="4840" actId="21"/>
          <ac:spMkLst>
            <pc:docMk/>
            <pc:sldMk cId="2892264309" sldId="539"/>
            <ac:spMk id="129" creationId="{845EF055-F0E3-5BCB-B043-3A34D414C2C4}"/>
          </ac:spMkLst>
        </pc:spChg>
        <pc:spChg chg="add del mod">
          <ac:chgData name="Merve Gülmez" userId="3594cd17-5953-4511-8d53-8cfc799250e7" providerId="ADAL" clId="{2CCCCBB6-E0A3-43BD-A271-1B182CC636DE}" dt="2023-10-10T18:46:25.173" v="4840" actId="21"/>
          <ac:spMkLst>
            <pc:docMk/>
            <pc:sldMk cId="2892264309" sldId="539"/>
            <ac:spMk id="130" creationId="{CD3C6945-FED0-9AA5-92C2-CD22E28A43D5}"/>
          </ac:spMkLst>
        </pc:spChg>
        <pc:spChg chg="add del mod">
          <ac:chgData name="Merve Gülmez" userId="3594cd17-5953-4511-8d53-8cfc799250e7" providerId="ADAL" clId="{2CCCCBB6-E0A3-43BD-A271-1B182CC636DE}" dt="2023-10-10T18:46:25.173" v="4840" actId="21"/>
          <ac:spMkLst>
            <pc:docMk/>
            <pc:sldMk cId="2892264309" sldId="539"/>
            <ac:spMk id="131" creationId="{C6A0177A-4C73-B83C-A8CE-B14A4027E557}"/>
          </ac:spMkLst>
        </pc:spChg>
        <pc:spChg chg="add mod">
          <ac:chgData name="Merve Gülmez" userId="3594cd17-5953-4511-8d53-8cfc799250e7" providerId="ADAL" clId="{2CCCCBB6-E0A3-43BD-A271-1B182CC636DE}" dt="2023-10-19T00:24:55.737" v="10277"/>
          <ac:spMkLst>
            <pc:docMk/>
            <pc:sldMk cId="2892264309" sldId="539"/>
            <ac:spMk id="132" creationId="{3DBF5ABD-8793-0D5F-DD9E-F768B13B0061}"/>
          </ac:spMkLst>
        </pc:spChg>
        <pc:spChg chg="add mod">
          <ac:chgData name="Merve Gülmez" userId="3594cd17-5953-4511-8d53-8cfc799250e7" providerId="ADAL" clId="{2CCCCBB6-E0A3-43BD-A271-1B182CC636DE}" dt="2023-10-19T00:24:55.738" v="10278"/>
          <ac:spMkLst>
            <pc:docMk/>
            <pc:sldMk cId="2892264309" sldId="539"/>
            <ac:spMk id="133" creationId="{35537688-119B-718D-3973-A02B432E855F}"/>
          </ac:spMkLst>
        </pc:spChg>
        <pc:spChg chg="add mod">
          <ac:chgData name="Merve Gülmez" userId="3594cd17-5953-4511-8d53-8cfc799250e7" providerId="ADAL" clId="{2CCCCBB6-E0A3-43BD-A271-1B182CC636DE}" dt="2023-10-19T00:24:55.738" v="10279"/>
          <ac:spMkLst>
            <pc:docMk/>
            <pc:sldMk cId="2892264309" sldId="539"/>
            <ac:spMk id="134" creationId="{E1D03005-AB91-1000-4FFD-E100E1BC2657}"/>
          </ac:spMkLst>
        </pc:spChg>
        <pc:spChg chg="add mod">
          <ac:chgData name="Merve Gülmez" userId="3594cd17-5953-4511-8d53-8cfc799250e7" providerId="ADAL" clId="{2CCCCBB6-E0A3-43BD-A271-1B182CC636DE}" dt="2023-10-19T00:24:55.739" v="10280"/>
          <ac:spMkLst>
            <pc:docMk/>
            <pc:sldMk cId="2892264309" sldId="539"/>
            <ac:spMk id="135" creationId="{76266646-DE7A-9B6B-9CD3-8DFEF7B5EA88}"/>
          </ac:spMkLst>
        </pc:spChg>
        <pc:spChg chg="add mod">
          <ac:chgData name="Merve Gülmez" userId="3594cd17-5953-4511-8d53-8cfc799250e7" providerId="ADAL" clId="{2CCCCBB6-E0A3-43BD-A271-1B182CC636DE}" dt="2023-10-19T00:24:55.742" v="10281" actId="790"/>
          <ac:spMkLst>
            <pc:docMk/>
            <pc:sldMk cId="2892264309" sldId="539"/>
            <ac:spMk id="140" creationId="{C88DBF66-68C7-7BC7-D203-D4A3D2A97C92}"/>
          </ac:spMkLst>
        </pc:spChg>
        <pc:picChg chg="del mod">
          <ac:chgData name="Merve Gülmez" userId="3594cd17-5953-4511-8d53-8cfc799250e7" providerId="ADAL" clId="{2CCCCBB6-E0A3-43BD-A271-1B182CC636DE}" dt="2023-10-04T07:19:19.280" v="1467" actId="478"/>
          <ac:picMkLst>
            <pc:docMk/>
            <pc:sldMk cId="2892264309" sldId="539"/>
            <ac:picMk id="4" creationId="{542E9C31-6071-49C4-B058-2473FF7FCA79}"/>
          </ac:picMkLst>
        </pc:picChg>
        <pc:picChg chg="add mod modCrop">
          <ac:chgData name="Merve Gülmez" userId="3594cd17-5953-4511-8d53-8cfc799250e7" providerId="ADAL" clId="{2CCCCBB6-E0A3-43BD-A271-1B182CC636DE}" dt="2023-10-10T08:49:48.622" v="4029" actId="1076"/>
          <ac:picMkLst>
            <pc:docMk/>
            <pc:sldMk cId="2892264309" sldId="539"/>
            <ac:picMk id="5" creationId="{D003DACE-1F82-511E-DC22-88357266FA93}"/>
          </ac:picMkLst>
        </pc:picChg>
        <pc:picChg chg="add mod ord">
          <ac:chgData name="Merve Gülmez" userId="3594cd17-5953-4511-8d53-8cfc799250e7" providerId="ADAL" clId="{2CCCCBB6-E0A3-43BD-A271-1B182CC636DE}" dt="2023-10-10T08:49:41.437" v="4028" actId="167"/>
          <ac:picMkLst>
            <pc:docMk/>
            <pc:sldMk cId="2892264309" sldId="539"/>
            <ac:picMk id="96" creationId="{625D73BF-1D63-0F79-EA03-62FC7875CE9C}"/>
          </ac:picMkLst>
        </pc:picChg>
        <pc:picChg chg="add mod">
          <ac:chgData name="Merve Gülmez" userId="3594cd17-5953-4511-8d53-8cfc799250e7" providerId="ADAL" clId="{2CCCCBB6-E0A3-43BD-A271-1B182CC636DE}" dt="2023-10-11T08:53:09.144" v="4929" actId="1076"/>
          <ac:picMkLst>
            <pc:docMk/>
            <pc:sldMk cId="2892264309" sldId="539"/>
            <ac:picMk id="137" creationId="{B1EB9D80-9C7D-1F38-5C2E-BB76161EA849}"/>
          </ac:picMkLst>
        </pc:pic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" creationId="{39A6E863-F296-0896-AE37-1FD3ECE55020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13" creationId="{11DF7F19-8BDE-BD6B-12EE-6A55B751EFCC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14" creationId="{4F2A9A73-41DE-2FE6-5DE5-FD13C9AA6A2A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16" creationId="{BD89B8C1-7094-096D-B8C7-643B2C5734AC}"/>
          </ac:cxnSpMkLst>
        </pc:cxnChg>
        <pc:cxnChg chg="add del mod">
          <ac:chgData name="Merve Gülmez" userId="3594cd17-5953-4511-8d53-8cfc799250e7" providerId="ADAL" clId="{2CCCCBB6-E0A3-43BD-A271-1B182CC636DE}" dt="2023-10-10T08:47:36.982" v="4016" actId="478"/>
          <ac:cxnSpMkLst>
            <pc:docMk/>
            <pc:sldMk cId="2892264309" sldId="539"/>
            <ac:cxnSpMk id="17" creationId="{ED20E7D8-8C27-4BB3-72C0-38518CBC8C97}"/>
          </ac:cxnSpMkLst>
        </pc:cxnChg>
        <pc:cxnChg chg="add mod">
          <ac:chgData name="Merve Gülmez" userId="3594cd17-5953-4511-8d53-8cfc799250e7" providerId="ADAL" clId="{2CCCCBB6-E0A3-43BD-A271-1B182CC636DE}" dt="2023-10-10T06:51:13.487" v="3817" actId="1076"/>
          <ac:cxnSpMkLst>
            <pc:docMk/>
            <pc:sldMk cId="2892264309" sldId="539"/>
            <ac:cxnSpMk id="18" creationId="{4BA1293B-6A48-E033-FB4F-C1619BD21427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18" creationId="{C774554D-468C-16D1-00BD-6AFE0642C720}"/>
          </ac:cxnSpMkLst>
        </pc:cxnChg>
        <pc:cxnChg chg="add del mod">
          <ac:chgData name="Merve Gülmez" userId="3594cd17-5953-4511-8d53-8cfc799250e7" providerId="ADAL" clId="{2CCCCBB6-E0A3-43BD-A271-1B182CC636DE}" dt="2023-10-10T06:25:06.951" v="3785" actId="478"/>
          <ac:cxnSpMkLst>
            <pc:docMk/>
            <pc:sldMk cId="2892264309" sldId="539"/>
            <ac:cxnSpMk id="19" creationId="{B50881FE-A5AD-09C6-D5B0-5615008220B3}"/>
          </ac:cxnSpMkLst>
        </pc:cxnChg>
        <pc:cxnChg chg="add mod">
          <ac:chgData name="Merve Gülmez" userId="3594cd17-5953-4511-8d53-8cfc799250e7" providerId="ADAL" clId="{2CCCCBB6-E0A3-43BD-A271-1B182CC636DE}" dt="2023-10-10T06:59:11.418" v="3931" actId="14100"/>
          <ac:cxnSpMkLst>
            <pc:docMk/>
            <pc:sldMk cId="2892264309" sldId="539"/>
            <ac:cxnSpMk id="20" creationId="{FA8C8B23-F518-B20B-4E46-313D7C06A9EB}"/>
          </ac:cxnSpMkLst>
        </pc:cxnChg>
        <pc:cxnChg chg="add mod">
          <ac:chgData name="Merve Gülmez" userId="3594cd17-5953-4511-8d53-8cfc799250e7" providerId="ADAL" clId="{2CCCCBB6-E0A3-43BD-A271-1B182CC636DE}" dt="2023-10-10T06:58:07.159" v="3927" actId="14100"/>
          <ac:cxnSpMkLst>
            <pc:docMk/>
            <pc:sldMk cId="2892264309" sldId="539"/>
            <ac:cxnSpMk id="21" creationId="{2AABAF91-DEFB-F1BC-939B-FA4679E60323}"/>
          </ac:cxnSpMkLst>
        </pc:cxnChg>
        <pc:cxnChg chg="add mod">
          <ac:chgData name="Merve Gülmez" userId="3594cd17-5953-4511-8d53-8cfc799250e7" providerId="ADAL" clId="{2CCCCBB6-E0A3-43BD-A271-1B182CC636DE}" dt="2023-10-10T06:56:03.478" v="3839" actId="1076"/>
          <ac:cxnSpMkLst>
            <pc:docMk/>
            <pc:sldMk cId="2892264309" sldId="539"/>
            <ac:cxnSpMk id="22" creationId="{C9174F77-14BB-8D64-FDD0-1B9DD2AD872C}"/>
          </ac:cxnSpMkLst>
        </pc:cxnChg>
        <pc:cxnChg chg="add mod">
          <ac:chgData name="Merve Gülmez" userId="3594cd17-5953-4511-8d53-8cfc799250e7" providerId="ADAL" clId="{2CCCCBB6-E0A3-43BD-A271-1B182CC636DE}" dt="2023-10-10T06:51:35.208" v="3821" actId="1076"/>
          <ac:cxnSpMkLst>
            <pc:docMk/>
            <pc:sldMk cId="2892264309" sldId="539"/>
            <ac:cxnSpMk id="23" creationId="{5B8F6B69-CCA9-FDA5-7092-8918E78E6F7D}"/>
          </ac:cxnSpMkLst>
        </pc:cxnChg>
        <pc:cxnChg chg="add mod">
          <ac:chgData name="Merve Gülmez" userId="3594cd17-5953-4511-8d53-8cfc799250e7" providerId="ADAL" clId="{2CCCCBB6-E0A3-43BD-A271-1B182CC636DE}" dt="2023-10-10T06:51:13.487" v="3817" actId="1076"/>
          <ac:cxnSpMkLst>
            <pc:docMk/>
            <pc:sldMk cId="2892264309" sldId="539"/>
            <ac:cxnSpMk id="24" creationId="{7A77AFDC-3434-1FC6-B088-FA62BF692475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29" creationId="{72258B07-DF43-5F19-E8BD-5C7A90D14DB4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0" creationId="{DD639372-AE51-4E94-246D-AF6C54205345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1" creationId="{F3218B8C-DC4B-9C62-6DD2-DD0A4A07D3F7}"/>
          </ac:cxnSpMkLst>
        </pc:cxnChg>
        <pc:cxnChg chg="add del mod">
          <ac:chgData name="Merve Gülmez" userId="3594cd17-5953-4511-8d53-8cfc799250e7" providerId="ADAL" clId="{2CCCCBB6-E0A3-43BD-A271-1B182CC636DE}" dt="2023-10-13T12:47:33.560" v="8654" actId="1076"/>
          <ac:cxnSpMkLst>
            <pc:docMk/>
            <pc:sldMk cId="2892264309" sldId="539"/>
            <ac:cxnSpMk id="31" creationId="{FACF6517-DA09-D042-FBCC-8F6744F1782F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2" creationId="{94A90616-286F-2F9E-D034-2E1C44A9ED30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3" creationId="{364F8059-42D7-0686-D14F-54701D8E6FFC}"/>
          </ac:cxnSpMkLst>
        </pc:cxnChg>
        <pc:cxnChg chg="add mod">
          <ac:chgData name="Merve Gülmez" userId="3594cd17-5953-4511-8d53-8cfc799250e7" providerId="ADAL" clId="{2CCCCBB6-E0A3-43BD-A271-1B182CC636DE}" dt="2023-10-10T07:08:31.139" v="3954" actId="14100"/>
          <ac:cxnSpMkLst>
            <pc:docMk/>
            <pc:sldMk cId="2892264309" sldId="539"/>
            <ac:cxnSpMk id="33" creationId="{5C325B4A-89A4-CC07-1848-090671D16BCC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4" creationId="{E4748182-5159-12AD-2F7C-58F3195DA61C}"/>
          </ac:cxnSpMkLst>
        </pc:cxnChg>
        <pc:cxnChg chg="add mod">
          <ac:chgData name="Merve Gülmez" userId="3594cd17-5953-4511-8d53-8cfc799250e7" providerId="ADAL" clId="{2CCCCBB6-E0A3-43BD-A271-1B182CC636DE}" dt="2023-10-10T06:51:13.487" v="3817" actId="1076"/>
          <ac:cxnSpMkLst>
            <pc:docMk/>
            <pc:sldMk cId="2892264309" sldId="539"/>
            <ac:cxnSpMk id="35" creationId="{A1A68EC2-42F5-D462-1D2F-12157C1A78DF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5" creationId="{B6593A8E-E249-7D66-10C8-7147C595B0D0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6" creationId="{963B481A-DA26-D228-301B-EB9A22D979E4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7" creationId="{D23D0E9B-B7CC-20B5-5F7F-3B0763E3BA76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8" creationId="{1ADD7108-4150-0774-DD1C-8BFA0288A2CE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9" creationId="{2986F816-1DCA-5470-419A-0CFB62F658E4}"/>
          </ac:cxnSpMkLst>
        </pc:cxnChg>
        <pc:cxnChg chg="add mod">
          <ac:chgData name="Merve Gülmez" userId="3594cd17-5953-4511-8d53-8cfc799250e7" providerId="ADAL" clId="{2CCCCBB6-E0A3-43BD-A271-1B182CC636DE}" dt="2023-10-10T07:09:14.846" v="4014" actId="1076"/>
          <ac:cxnSpMkLst>
            <pc:docMk/>
            <pc:sldMk cId="2892264309" sldId="539"/>
            <ac:cxnSpMk id="50" creationId="{8C6FC05B-418A-97AD-FB03-B5AD68ACA8E1}"/>
          </ac:cxnSpMkLst>
        </pc:cxnChg>
        <pc:cxnChg chg="add mod">
          <ac:chgData name="Merve Gülmez" userId="3594cd17-5953-4511-8d53-8cfc799250e7" providerId="ADAL" clId="{2CCCCBB6-E0A3-43BD-A271-1B182CC636DE}" dt="2023-10-10T07:09:14.846" v="4014" actId="1076"/>
          <ac:cxnSpMkLst>
            <pc:docMk/>
            <pc:sldMk cId="2892264309" sldId="539"/>
            <ac:cxnSpMk id="70" creationId="{6D185353-29C4-4882-759D-FDA4C51CBCC1}"/>
          </ac:cxnSpMkLst>
        </pc:cxnChg>
        <pc:cxnChg chg="add del mod">
          <ac:chgData name="Merve Gülmez" userId="3594cd17-5953-4511-8d53-8cfc799250e7" providerId="ADAL" clId="{2CCCCBB6-E0A3-43BD-A271-1B182CC636DE}" dt="2023-10-10T07:08:32.724" v="3958" actId="11529"/>
          <ac:cxnSpMkLst>
            <pc:docMk/>
            <pc:sldMk cId="2892264309" sldId="539"/>
            <ac:cxnSpMk id="88" creationId="{B6B4D47B-B5DA-F289-F601-0EC535C1E71B}"/>
          </ac:cxnSpMkLst>
        </pc:cxnChg>
        <pc:cxnChg chg="add mod">
          <ac:chgData name="Merve Gülmez" userId="3594cd17-5953-4511-8d53-8cfc799250e7" providerId="ADAL" clId="{2CCCCBB6-E0A3-43BD-A271-1B182CC636DE}" dt="2023-10-10T18:33:19.413" v="4638" actId="14100"/>
          <ac:cxnSpMkLst>
            <pc:docMk/>
            <pc:sldMk cId="2892264309" sldId="539"/>
            <ac:cxnSpMk id="107" creationId="{65662F45-98DA-B74E-B834-E806FA302004}"/>
          </ac:cxnSpMkLst>
        </pc:cxnChg>
        <pc:cxnChg chg="add del mod">
          <ac:chgData name="Merve Gülmez" userId="3594cd17-5953-4511-8d53-8cfc799250e7" providerId="ADAL" clId="{2CCCCBB6-E0A3-43BD-A271-1B182CC636DE}" dt="2023-10-11T08:53:20.900" v="4931" actId="478"/>
          <ac:cxnSpMkLst>
            <pc:docMk/>
            <pc:sldMk cId="2892264309" sldId="539"/>
            <ac:cxnSpMk id="139" creationId="{E1F229F1-75FE-B475-CAFB-B0AF77343E32}"/>
          </ac:cxnSpMkLst>
        </pc:cxnChg>
      </pc:sldChg>
      <pc:sldChg chg="del">
        <pc:chgData name="Merve Gülmez" userId="3594cd17-5953-4511-8d53-8cfc799250e7" providerId="ADAL" clId="{2CCCCBB6-E0A3-43BD-A271-1B182CC636DE}" dt="2023-10-04T07:27:04.893" v="1498" actId="47"/>
        <pc:sldMkLst>
          <pc:docMk/>
          <pc:sldMk cId="1598766672" sldId="540"/>
        </pc:sldMkLst>
      </pc:sldChg>
      <pc:sldChg chg="del">
        <pc:chgData name="Merve Gülmez" userId="3594cd17-5953-4511-8d53-8cfc799250e7" providerId="ADAL" clId="{2CCCCBB6-E0A3-43BD-A271-1B182CC636DE}" dt="2023-10-03T10:30:20.427" v="434" actId="47"/>
        <pc:sldMkLst>
          <pc:docMk/>
          <pc:sldMk cId="2918085937" sldId="541"/>
        </pc:sldMkLst>
      </pc:sldChg>
      <pc:sldChg chg="addSp delSp modSp del mod delAnim">
        <pc:chgData name="Merve Gülmez" userId="3594cd17-5953-4511-8d53-8cfc799250e7" providerId="ADAL" clId="{2CCCCBB6-E0A3-43BD-A271-1B182CC636DE}" dt="2023-10-11T09:43:10.016" v="5386" actId="47"/>
        <pc:sldMkLst>
          <pc:docMk/>
          <pc:sldMk cId="3694123121" sldId="543"/>
        </pc:sldMkLst>
        <pc:spChg chg="mod">
          <ac:chgData name="Merve Gülmez" userId="3594cd17-5953-4511-8d53-8cfc799250e7" providerId="ADAL" clId="{2CCCCBB6-E0A3-43BD-A271-1B182CC636DE}" dt="2023-10-04T07:41:55.507" v="1542" actId="20577"/>
          <ac:spMkLst>
            <pc:docMk/>
            <pc:sldMk cId="3694123121" sldId="543"/>
            <ac:spMk id="2" creationId="{C1B456BB-45A4-45E4-9ECD-0CECA34966EA}"/>
          </ac:spMkLst>
        </pc:spChg>
        <pc:spChg chg="del mod">
          <ac:chgData name="Merve Gülmez" userId="3594cd17-5953-4511-8d53-8cfc799250e7" providerId="ADAL" clId="{2CCCCBB6-E0A3-43BD-A271-1B182CC636DE}" dt="2023-10-04T07:41:46.475" v="1536" actId="478"/>
          <ac:spMkLst>
            <pc:docMk/>
            <pc:sldMk cId="3694123121" sldId="543"/>
            <ac:spMk id="3" creationId="{C0BC675F-883D-4CC5-A580-7A9D49AD3814}"/>
          </ac:spMkLst>
        </pc:spChg>
        <pc:spChg chg="del">
          <ac:chgData name="Merve Gülmez" userId="3594cd17-5953-4511-8d53-8cfc799250e7" providerId="ADAL" clId="{2CCCCBB6-E0A3-43BD-A271-1B182CC636DE}" dt="2023-10-04T07:41:42.536" v="1534" actId="478"/>
          <ac:spMkLst>
            <pc:docMk/>
            <pc:sldMk cId="3694123121" sldId="543"/>
            <ac:spMk id="6" creationId="{F4AD1C2E-D90D-5AAB-0AA9-A8F71602B241}"/>
          </ac:spMkLst>
        </pc:spChg>
        <pc:graphicFrameChg chg="del">
          <ac:chgData name="Merve Gülmez" userId="3594cd17-5953-4511-8d53-8cfc799250e7" providerId="ADAL" clId="{2CCCCBB6-E0A3-43BD-A271-1B182CC636DE}" dt="2023-10-04T07:41:39.828" v="1533" actId="478"/>
          <ac:graphicFrameMkLst>
            <pc:docMk/>
            <pc:sldMk cId="3694123121" sldId="543"/>
            <ac:graphicFrameMk id="4" creationId="{19802A92-5904-4E21-B810-46277C1B0CB2}"/>
          </ac:graphicFrameMkLst>
        </pc:graphicFrameChg>
        <pc:picChg chg="add mod">
          <ac:chgData name="Merve Gülmez" userId="3594cd17-5953-4511-8d53-8cfc799250e7" providerId="ADAL" clId="{2CCCCBB6-E0A3-43BD-A271-1B182CC636DE}" dt="2023-10-08T17:28:41.715" v="2742" actId="1076"/>
          <ac:picMkLst>
            <pc:docMk/>
            <pc:sldMk cId="3694123121" sldId="543"/>
            <ac:picMk id="5" creationId="{3DF3811F-E412-4538-5211-B58F8EAB0DA7}"/>
          </ac:picMkLst>
        </pc:picChg>
      </pc:sldChg>
      <pc:sldChg chg="addSp delSp modSp mod modClrScheme delAnim modAnim chgLayout modNotesTx">
        <pc:chgData name="Merve Gülmez" userId="3594cd17-5953-4511-8d53-8cfc799250e7" providerId="ADAL" clId="{2CCCCBB6-E0A3-43BD-A271-1B182CC636DE}" dt="2023-10-19T00:24:55.646" v="10200" actId="790"/>
        <pc:sldMkLst>
          <pc:docMk/>
          <pc:sldMk cId="4154376622" sldId="548"/>
        </pc:sldMkLst>
        <pc:spChg chg="mod">
          <ac:chgData name="Merve Gülmez" userId="3594cd17-5953-4511-8d53-8cfc799250e7" providerId="ADAL" clId="{2CCCCBB6-E0A3-43BD-A271-1B182CC636DE}" dt="2023-10-19T00:24:55.641" v="10198" actId="790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Gülmez" userId="3594cd17-5953-4511-8d53-8cfc799250e7" providerId="ADAL" clId="{2CCCCBB6-E0A3-43BD-A271-1B182CC636DE}" dt="2023-10-19T00:24:55.645" v="10199" actId="790"/>
          <ac:spMkLst>
            <pc:docMk/>
            <pc:sldMk cId="4154376622" sldId="548"/>
            <ac:spMk id="3" creationId="{751D7DC4-34BA-4C86-8CD6-95954A91B7AC}"/>
          </ac:spMkLst>
        </pc:spChg>
        <pc:spChg chg="add mod">
          <ac:chgData name="Merve Gülmez" userId="3594cd17-5953-4511-8d53-8cfc799250e7" providerId="ADAL" clId="{2CCCCBB6-E0A3-43BD-A271-1B182CC636DE}" dt="2023-10-19T00:24:55.646" v="10200" actId="790"/>
          <ac:spMkLst>
            <pc:docMk/>
            <pc:sldMk cId="4154376622" sldId="548"/>
            <ac:spMk id="6" creationId="{1913C5FB-B76C-53EF-D902-F6CC6411D3C4}"/>
          </ac:spMkLst>
        </pc:spChg>
        <pc:spChg chg="add del mod">
          <ac:chgData name="Merve Gülmez" userId="3594cd17-5953-4511-8d53-8cfc799250e7" providerId="ADAL" clId="{2CCCCBB6-E0A3-43BD-A271-1B182CC636DE}" dt="2023-10-13T09:10:05.479" v="8622" actId="478"/>
          <ac:spMkLst>
            <pc:docMk/>
            <pc:sldMk cId="4154376622" sldId="548"/>
            <ac:spMk id="7" creationId="{359BF9DA-4857-C69B-50E5-91F19BC95A00}"/>
          </ac:spMkLst>
        </pc:spChg>
        <pc:picChg chg="add mod">
          <ac:chgData name="Merve Gülmez" userId="3594cd17-5953-4511-8d53-8cfc799250e7" providerId="ADAL" clId="{2CCCCBB6-E0A3-43BD-A271-1B182CC636DE}" dt="2023-10-13T08:34:46.030" v="7669" actId="1076"/>
          <ac:picMkLst>
            <pc:docMk/>
            <pc:sldMk cId="4154376622" sldId="548"/>
            <ac:picMk id="4" creationId="{DC8DEE21-CDC2-27FB-CFAC-12932D172677}"/>
          </ac:picMkLst>
        </pc:picChg>
      </pc:sldChg>
      <pc:sldChg chg="del">
        <pc:chgData name="Merve Gülmez" userId="3594cd17-5953-4511-8d53-8cfc799250e7" providerId="ADAL" clId="{2CCCCBB6-E0A3-43BD-A271-1B182CC636DE}" dt="2023-10-08T07:47:00.011" v="2481" actId="47"/>
        <pc:sldMkLst>
          <pc:docMk/>
          <pc:sldMk cId="1324455309" sldId="552"/>
        </pc:sldMkLst>
      </pc:sldChg>
      <pc:sldChg chg="del">
        <pc:chgData name="Merve Gülmez" userId="3594cd17-5953-4511-8d53-8cfc799250e7" providerId="ADAL" clId="{2CCCCBB6-E0A3-43BD-A271-1B182CC636DE}" dt="2023-10-03T10:30:39.921" v="438" actId="47"/>
        <pc:sldMkLst>
          <pc:docMk/>
          <pc:sldMk cId="398449080" sldId="553"/>
        </pc:sldMkLst>
      </pc:sldChg>
      <pc:sldChg chg="modSp mod">
        <pc:chgData name="Merve Gülmez" userId="3594cd17-5953-4511-8d53-8cfc799250e7" providerId="ADAL" clId="{2CCCCBB6-E0A3-43BD-A271-1B182CC636DE}" dt="2023-10-19T00:24:55.651" v="10207" actId="790"/>
        <pc:sldMkLst>
          <pc:docMk/>
          <pc:sldMk cId="3814535045" sldId="557"/>
        </pc:sldMkLst>
        <pc:spChg chg="mod">
          <ac:chgData name="Merve Gülmez" userId="3594cd17-5953-4511-8d53-8cfc799250e7" providerId="ADAL" clId="{2CCCCBB6-E0A3-43BD-A271-1B182CC636DE}" dt="2023-10-19T00:24:55.647" v="10201" actId="790"/>
          <ac:spMkLst>
            <pc:docMk/>
            <pc:sldMk cId="3814535045" sldId="557"/>
            <ac:spMk id="2" creationId="{E7FD2473-A1D8-4F47-BE9D-C6B8474469B5}"/>
          </ac:spMkLst>
        </pc:spChg>
        <pc:spChg chg="mod">
          <ac:chgData name="Merve Gülmez" userId="3594cd17-5953-4511-8d53-8cfc799250e7" providerId="ADAL" clId="{2CCCCBB6-E0A3-43BD-A271-1B182CC636DE}" dt="2023-10-19T00:24:55.647" v="10202" actId="790"/>
          <ac:spMkLst>
            <pc:docMk/>
            <pc:sldMk cId="3814535045" sldId="557"/>
            <ac:spMk id="3" creationId="{978A330B-EE5D-4CD6-948C-7E099E3991CE}"/>
          </ac:spMkLst>
        </pc:spChg>
        <pc:spChg chg="mod">
          <ac:chgData name="Merve Gülmez" userId="3594cd17-5953-4511-8d53-8cfc799250e7" providerId="ADAL" clId="{2CCCCBB6-E0A3-43BD-A271-1B182CC636DE}" dt="2023-10-19T00:24:55.648" v="10203" actId="790"/>
          <ac:spMkLst>
            <pc:docMk/>
            <pc:sldMk cId="3814535045" sldId="557"/>
            <ac:spMk id="8" creationId="{2C45F143-A005-48A3-97E9-08EEB7392992}"/>
          </ac:spMkLst>
        </pc:spChg>
        <pc:spChg chg="mod">
          <ac:chgData name="Merve Gülmez" userId="3594cd17-5953-4511-8d53-8cfc799250e7" providerId="ADAL" clId="{2CCCCBB6-E0A3-43BD-A271-1B182CC636DE}" dt="2023-10-19T00:24:55.649" v="10204" actId="790"/>
          <ac:spMkLst>
            <pc:docMk/>
            <pc:sldMk cId="3814535045" sldId="557"/>
            <ac:spMk id="9" creationId="{979D7408-5ACE-4250-902A-5EA628FE68A3}"/>
          </ac:spMkLst>
        </pc:spChg>
        <pc:spChg chg="mod">
          <ac:chgData name="Merve Gülmez" userId="3594cd17-5953-4511-8d53-8cfc799250e7" providerId="ADAL" clId="{2CCCCBB6-E0A3-43BD-A271-1B182CC636DE}" dt="2023-10-19T00:24:55.650" v="10205" actId="790"/>
          <ac:spMkLst>
            <pc:docMk/>
            <pc:sldMk cId="3814535045" sldId="557"/>
            <ac:spMk id="10" creationId="{B66117B2-81C4-4AB5-9186-20266BC7F48B}"/>
          </ac:spMkLst>
        </pc:spChg>
        <pc:spChg chg="mod">
          <ac:chgData name="Merve Gülmez" userId="3594cd17-5953-4511-8d53-8cfc799250e7" providerId="ADAL" clId="{2CCCCBB6-E0A3-43BD-A271-1B182CC636DE}" dt="2023-10-19T00:24:55.650" v="10206" actId="790"/>
          <ac:spMkLst>
            <pc:docMk/>
            <pc:sldMk cId="3814535045" sldId="557"/>
            <ac:spMk id="11" creationId="{FBC07123-895E-4C38-8E5D-BFA0BAE97C07}"/>
          </ac:spMkLst>
        </pc:spChg>
        <pc:spChg chg="mod">
          <ac:chgData name="Merve Gülmez" userId="3594cd17-5953-4511-8d53-8cfc799250e7" providerId="ADAL" clId="{2CCCCBB6-E0A3-43BD-A271-1B182CC636DE}" dt="2023-10-19T00:24:55.651" v="10207" actId="790"/>
          <ac:spMkLst>
            <pc:docMk/>
            <pc:sldMk cId="3814535045" sldId="557"/>
            <ac:spMk id="12" creationId="{85B3D02B-5B55-5278-11FA-9A07655BC98C}"/>
          </ac:spMkLst>
        </pc:spChg>
        <pc:picChg chg="mod">
          <ac:chgData name="Merve Gülmez" userId="3594cd17-5953-4511-8d53-8cfc799250e7" providerId="ADAL" clId="{2CCCCBB6-E0A3-43BD-A271-1B182CC636DE}" dt="2023-10-08T07:50:43.152" v="2489" actId="1076"/>
          <ac:picMkLst>
            <pc:docMk/>
            <pc:sldMk cId="3814535045" sldId="557"/>
            <ac:picMk id="4" creationId="{4A233240-E28F-61B6-76AE-5DE5A23219AA}"/>
          </ac:picMkLst>
        </pc:picChg>
      </pc:sldChg>
      <pc:sldChg chg="del">
        <pc:chgData name="Merve Gülmez" userId="3594cd17-5953-4511-8d53-8cfc799250e7" providerId="ADAL" clId="{2CCCCBB6-E0A3-43BD-A271-1B182CC636DE}" dt="2023-10-08T07:47:04.308" v="2483" actId="47"/>
        <pc:sldMkLst>
          <pc:docMk/>
          <pc:sldMk cId="2687749463" sldId="558"/>
        </pc:sldMkLst>
      </pc:sldChg>
      <pc:sldChg chg="del">
        <pc:chgData name="Merve Gülmez" userId="3594cd17-5953-4511-8d53-8cfc799250e7" providerId="ADAL" clId="{2CCCCBB6-E0A3-43BD-A271-1B182CC636DE}" dt="2023-10-08T07:47:02.763" v="2482" actId="47"/>
        <pc:sldMkLst>
          <pc:docMk/>
          <pc:sldMk cId="2909941548" sldId="562"/>
        </pc:sldMkLst>
      </pc:sldChg>
      <pc:sldChg chg="addSp delSp modSp mod">
        <pc:chgData name="Merve Gülmez" userId="3594cd17-5953-4511-8d53-8cfc799250e7" providerId="ADAL" clId="{2CCCCBB6-E0A3-43BD-A271-1B182CC636DE}" dt="2023-10-19T20:17:09.141" v="10993" actId="1076"/>
        <pc:sldMkLst>
          <pc:docMk/>
          <pc:sldMk cId="3226931249" sldId="565"/>
        </pc:sldMkLst>
        <pc:spChg chg="mod">
          <ac:chgData name="Merve Gülmez" userId="3594cd17-5953-4511-8d53-8cfc799250e7" providerId="ADAL" clId="{2CCCCBB6-E0A3-43BD-A271-1B182CC636DE}" dt="2023-10-19T00:24:55.512" v="10090" actId="790"/>
          <ac:spMkLst>
            <pc:docMk/>
            <pc:sldMk cId="3226931249" sldId="565"/>
            <ac:spMk id="3" creationId="{17D5CE7D-CCF0-44B0-843A-8D46859C44EE}"/>
          </ac:spMkLst>
        </pc:spChg>
        <pc:spChg chg="mod">
          <ac:chgData name="Merve Gülmez" userId="3594cd17-5953-4511-8d53-8cfc799250e7" providerId="ADAL" clId="{2CCCCBB6-E0A3-43BD-A271-1B182CC636DE}" dt="2023-10-19T20:17:09.141" v="10993" actId="1076"/>
          <ac:spMkLst>
            <pc:docMk/>
            <pc:sldMk cId="3226931249" sldId="565"/>
            <ac:spMk id="5" creationId="{0D8DE8B4-7BAB-4C18-A0E5-01D3A11D374F}"/>
          </ac:spMkLst>
        </pc:spChg>
        <pc:spChg chg="del mod">
          <ac:chgData name="Merve Gülmez" userId="3594cd17-5953-4511-8d53-8cfc799250e7" providerId="ADAL" clId="{2CCCCBB6-E0A3-43BD-A271-1B182CC636DE}" dt="2023-10-19T00:29:11.708" v="10857" actId="478"/>
          <ac:spMkLst>
            <pc:docMk/>
            <pc:sldMk cId="3226931249" sldId="565"/>
            <ac:spMk id="6" creationId="{327EB691-17C6-4220-AA5E-2F3518AF8CC2}"/>
          </ac:spMkLst>
        </pc:spChg>
        <pc:spChg chg="mod">
          <ac:chgData name="Merve Gülmez" userId="3594cd17-5953-4511-8d53-8cfc799250e7" providerId="ADAL" clId="{2CCCCBB6-E0A3-43BD-A271-1B182CC636DE}" dt="2023-10-19T00:24:55.516" v="10093" actId="790"/>
          <ac:spMkLst>
            <pc:docMk/>
            <pc:sldMk cId="3226931249" sldId="565"/>
            <ac:spMk id="7" creationId="{0BF70DC3-66C9-451C-917E-BA44956D1DBD}"/>
          </ac:spMkLst>
        </pc:spChg>
        <pc:spChg chg="add del mod">
          <ac:chgData name="Merve Gülmez" userId="3594cd17-5953-4511-8d53-8cfc799250e7" providerId="ADAL" clId="{2CCCCBB6-E0A3-43BD-A271-1B182CC636DE}" dt="2023-10-19T00:29:24.101" v="10858" actId="478"/>
          <ac:spMkLst>
            <pc:docMk/>
            <pc:sldMk cId="3226931249" sldId="565"/>
            <ac:spMk id="10" creationId="{68430934-7A80-0F58-C0C6-9060AFF0B8CD}"/>
          </ac:spMkLst>
        </pc:spChg>
        <pc:picChg chg="mod">
          <ac:chgData name="Merve Gülmez" userId="3594cd17-5953-4511-8d53-8cfc799250e7" providerId="ADAL" clId="{2CCCCBB6-E0A3-43BD-A271-1B182CC636DE}" dt="2023-10-19T12:57:44.365" v="10936" actId="1076"/>
          <ac:picMkLst>
            <pc:docMk/>
            <pc:sldMk cId="3226931249" sldId="565"/>
            <ac:picMk id="9" creationId="{51225D09-3568-E801-BE1E-7BCF98C53744}"/>
          </ac:picMkLst>
        </pc:picChg>
        <pc:picChg chg="del mod">
          <ac:chgData name="Merve Gülmez" userId="3594cd17-5953-4511-8d53-8cfc799250e7" providerId="ADAL" clId="{2CCCCBB6-E0A3-43BD-A271-1B182CC636DE}" dt="2023-10-13T08:30:55.457" v="7612" actId="478"/>
          <ac:picMkLst>
            <pc:docMk/>
            <pc:sldMk cId="3226931249" sldId="565"/>
            <ac:picMk id="10" creationId="{3075343C-EC52-1A19-5452-99DE2D1F4D23}"/>
          </ac:picMkLst>
        </pc:picChg>
      </pc:sldChg>
      <pc:sldChg chg="modSp mod ord modAnim">
        <pc:chgData name="Merve Gülmez" userId="3594cd17-5953-4511-8d53-8cfc799250e7" providerId="ADAL" clId="{2CCCCBB6-E0A3-43BD-A271-1B182CC636DE}" dt="2023-10-19T12:59:03.450" v="10938" actId="113"/>
        <pc:sldMkLst>
          <pc:docMk/>
          <pc:sldMk cId="1289849602" sldId="577"/>
        </pc:sldMkLst>
        <pc:spChg chg="mod">
          <ac:chgData name="Merve Gülmez" userId="3594cd17-5953-4511-8d53-8cfc799250e7" providerId="ADAL" clId="{2CCCCBB6-E0A3-43BD-A271-1B182CC636DE}" dt="2023-10-19T00:24:55.543" v="10119" actId="790"/>
          <ac:spMkLst>
            <pc:docMk/>
            <pc:sldMk cId="1289849602" sldId="577"/>
            <ac:spMk id="2" creationId="{D2DD72F2-8E4F-4D7F-9707-468C58A8460A}"/>
          </ac:spMkLst>
        </pc:spChg>
        <pc:spChg chg="mod">
          <ac:chgData name="Merve Gülmez" userId="3594cd17-5953-4511-8d53-8cfc799250e7" providerId="ADAL" clId="{2CCCCBB6-E0A3-43BD-A271-1B182CC636DE}" dt="2023-10-19T12:59:03.450" v="10938" actId="113"/>
          <ac:spMkLst>
            <pc:docMk/>
            <pc:sldMk cId="1289849602" sldId="577"/>
            <ac:spMk id="3" creationId="{ECB922AC-EC49-4BAB-880A-2BDBE3F18C84}"/>
          </ac:spMkLst>
        </pc:spChg>
      </pc:sldChg>
      <pc:sldChg chg="addSp modSp mod ord modAnim modNotesTx">
        <pc:chgData name="Merve Gülmez" userId="3594cd17-5953-4511-8d53-8cfc799250e7" providerId="ADAL" clId="{2CCCCBB6-E0A3-43BD-A271-1B182CC636DE}" dt="2023-10-19T00:24:55.547" v="10122"/>
        <pc:sldMkLst>
          <pc:docMk/>
          <pc:sldMk cId="2493018123" sldId="578"/>
        </pc:sldMkLst>
        <pc:spChg chg="mod">
          <ac:chgData name="Merve Gülmez" userId="3594cd17-5953-4511-8d53-8cfc799250e7" providerId="ADAL" clId="{2CCCCBB6-E0A3-43BD-A271-1B182CC636DE}" dt="2023-10-19T00:24:55.546" v="10121" actId="790"/>
          <ac:spMkLst>
            <pc:docMk/>
            <pc:sldMk cId="2493018123" sldId="578"/>
            <ac:spMk id="2" creationId="{2F400340-41C8-4D5E-9D2A-DCC37CE28724}"/>
          </ac:spMkLst>
        </pc:spChg>
        <pc:spChg chg="mod">
          <ac:chgData name="Merve Gülmez" userId="3594cd17-5953-4511-8d53-8cfc799250e7" providerId="ADAL" clId="{2CCCCBB6-E0A3-43BD-A271-1B182CC636DE}" dt="2023-10-19T00:24:55.547" v="10122"/>
          <ac:spMkLst>
            <pc:docMk/>
            <pc:sldMk cId="2493018123" sldId="578"/>
            <ac:spMk id="3" creationId="{CDF0FE6E-FE68-4C60-8872-CD6C49828A02}"/>
          </ac:spMkLst>
        </pc:spChg>
        <pc:picChg chg="add mod">
          <ac:chgData name="Merve Gülmez" userId="3594cd17-5953-4511-8d53-8cfc799250e7" providerId="ADAL" clId="{2CCCCBB6-E0A3-43BD-A271-1B182CC636DE}" dt="2023-10-08T07:46:25.389" v="2479" actId="14100"/>
          <ac:picMkLst>
            <pc:docMk/>
            <pc:sldMk cId="2493018123" sldId="578"/>
            <ac:picMk id="5" creationId="{B7254CA9-CA5C-3E79-0563-4A4BF36AFAB5}"/>
          </ac:picMkLst>
        </pc:picChg>
      </pc:sldChg>
      <pc:sldChg chg="delSp modSp del mod ord delAnim modAnim">
        <pc:chgData name="Merve Gülmez" userId="3594cd17-5953-4511-8d53-8cfc799250e7" providerId="ADAL" clId="{2CCCCBB6-E0A3-43BD-A271-1B182CC636DE}" dt="2023-10-11T11:08:51.512" v="6021" actId="47"/>
        <pc:sldMkLst>
          <pc:docMk/>
          <pc:sldMk cId="139325207" sldId="583"/>
        </pc:sldMkLst>
        <pc:spChg chg="mod">
          <ac:chgData name="Merve Gülmez" userId="3594cd17-5953-4511-8d53-8cfc799250e7" providerId="ADAL" clId="{2CCCCBB6-E0A3-43BD-A271-1B182CC636DE}" dt="2023-10-08T17:42:29.177" v="3082" actId="20577"/>
          <ac:spMkLst>
            <pc:docMk/>
            <pc:sldMk cId="139325207" sldId="583"/>
            <ac:spMk id="2" creationId="{8CC08D8F-303A-4E54-8CED-2D2FF97D8C29}"/>
          </ac:spMkLst>
        </pc:spChg>
        <pc:spChg chg="mod">
          <ac:chgData name="Merve Gülmez" userId="3594cd17-5953-4511-8d53-8cfc799250e7" providerId="ADAL" clId="{2CCCCBB6-E0A3-43BD-A271-1B182CC636DE}" dt="2023-10-09T14:43:59.615" v="3352" actId="20577"/>
          <ac:spMkLst>
            <pc:docMk/>
            <pc:sldMk cId="139325207" sldId="583"/>
            <ac:spMk id="3" creationId="{5CCD7E22-6CD2-44DE-9A09-B103C483EDA2}"/>
          </ac:spMkLst>
        </pc:spChg>
        <pc:spChg chg="del mod">
          <ac:chgData name="Merve Gülmez" userId="3594cd17-5953-4511-8d53-8cfc799250e7" providerId="ADAL" clId="{2CCCCBB6-E0A3-43BD-A271-1B182CC636DE}" dt="2023-10-08T07:51:40.645" v="2494" actId="478"/>
          <ac:spMkLst>
            <pc:docMk/>
            <pc:sldMk cId="139325207" sldId="583"/>
            <ac:spMk id="5" creationId="{98745D58-4E73-4F0A-B67C-7F1243E240F6}"/>
          </ac:spMkLst>
        </pc:spChg>
      </pc:sldChg>
      <pc:sldChg chg="addSp delSp modSp new mod ord modShow">
        <pc:chgData name="Merve Gülmez" userId="3594cd17-5953-4511-8d53-8cfc799250e7" providerId="ADAL" clId="{2CCCCBB6-E0A3-43BD-A271-1B182CC636DE}" dt="2023-10-19T00:24:55.716" v="10254" actId="790"/>
        <pc:sldMkLst>
          <pc:docMk/>
          <pc:sldMk cId="1442708821" sldId="584"/>
        </pc:sldMkLst>
        <pc:spChg chg="del mod">
          <ac:chgData name="Merve Gülmez" userId="3594cd17-5953-4511-8d53-8cfc799250e7" providerId="ADAL" clId="{2CCCCBB6-E0A3-43BD-A271-1B182CC636DE}" dt="2023-10-03T10:35:19.311" v="468" actId="478"/>
          <ac:spMkLst>
            <pc:docMk/>
            <pc:sldMk cId="1442708821" sldId="584"/>
            <ac:spMk id="2" creationId="{EB747383-B5FB-50A2-E7A7-C98DC8A42CBA}"/>
          </ac:spMkLst>
        </pc:spChg>
        <pc:spChg chg="del">
          <ac:chgData name="Merve Gülmez" userId="3594cd17-5953-4511-8d53-8cfc799250e7" providerId="ADAL" clId="{2CCCCBB6-E0A3-43BD-A271-1B182CC636DE}" dt="2023-10-03T10:35:17.182" v="466" actId="478"/>
          <ac:spMkLst>
            <pc:docMk/>
            <pc:sldMk cId="1442708821" sldId="584"/>
            <ac:spMk id="3" creationId="{C3C72FFE-DCA8-52FE-7CF0-F2A2459B45E5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" creationId="{5E37AD6D-E40F-9D14-71ED-FCE8BEE06630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6" creationId="{73F0B054-8F2B-B312-933B-F85A5CEE27E3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7" creationId="{A7BC07B3-6CEC-CC82-9BD4-71179D915DD0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8" creationId="{ABCB21B8-D1CB-A588-70D7-B2A71ED9AA6F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9" creationId="{A3D0CDF4-8EA8-7F9A-259C-87A842A6A1B8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2" creationId="{1E754083-4692-98D3-C248-7BEBA28FBFB6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4" creationId="{D708A537-8B63-F4EB-FFBB-0C7D41D16EA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6" creationId="{5C310737-E8DA-8EB1-7EE4-2576208FAE4A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7" creationId="{E09586BC-1337-4DB4-F682-94F737CEBB40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8" creationId="{4E4BE71F-C0E1-8BF8-82DE-773170F8992F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9" creationId="{68FEBB6F-DC9E-9A7F-4736-68F077FD1FC9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0" creationId="{9B5DEBAD-AB02-F9D2-BFBE-1A16C04760A4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1" creationId="{F8F18338-D45A-AAB3-7844-901CFF60A55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2" creationId="{594C0D57-2F79-E402-9D12-410E2E1C223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3" creationId="{BC26940D-A0BD-A91A-D469-AFF0F487E979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4" creationId="{6243A894-EF52-9D67-E841-2A8BB706914D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5" creationId="{7E3CA6D6-003E-897C-089D-2E6BACBD92B1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37" creationId="{C7A74D8C-6595-0542-A72D-AD915B588B37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38" creationId="{7E5CCA67-C4CF-09B0-DD9D-8EC9F6C6263E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39" creationId="{A4E70C31-6AD8-E1F8-0A97-43B0B4919B9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0" creationId="{C6724215-D3EF-7276-2FF0-C13F3434BC74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1" creationId="{D84FA58E-9576-01EC-7D69-E810A8DC6053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2" creationId="{DB6B8696-79FE-BDDE-94CE-18C7CC6E7A5F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3" creationId="{624C35B2-CD58-28E6-677B-BB55C676631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4" creationId="{FF3FE818-A54C-9D34-CBD5-398E9B565343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5" creationId="{332695C7-59ED-F9E2-7F83-4C79C6195545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6" creationId="{CA0F5424-077A-B373-801A-B255C73593C2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7" creationId="{0BAA7371-33D3-FFBB-7978-71FBDA4F6790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8" creationId="{7CC5B297-2287-225D-AE83-9DCA51856B74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9" creationId="{895880BB-8E20-6D0C-78BF-0913D14DD24C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0" creationId="{B587C756-C1F6-815B-4137-06A155DCCBB5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1" creationId="{4B03CEB5-8822-7815-8DAA-77EBF9CB6DC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2" creationId="{47A23C8B-A16B-F0D3-683B-541B96B6C48C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3" creationId="{B44BE47E-1E64-0EA3-FB2B-1CCD1FA9EFAD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4" creationId="{55954C1F-BD0A-F147-B43D-CF9D556EAB23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5" creationId="{A906245E-15DD-0307-6AED-DB58D6A198E2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6" creationId="{0D04AF33-C29B-FACA-387C-A07FEED69A8D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7" creationId="{BCB216B7-FC8E-513F-3AFA-AF8F595CDF05}"/>
          </ac:spMkLst>
        </pc:spChg>
        <pc:spChg chg="add mod">
          <ac:chgData name="Merve Gülmez" userId="3594cd17-5953-4511-8d53-8cfc799250e7" providerId="ADAL" clId="{2CCCCBB6-E0A3-43BD-A271-1B182CC636DE}" dt="2023-10-19T00:24:55.665" v="10217" actId="790"/>
          <ac:spMkLst>
            <pc:docMk/>
            <pc:sldMk cId="1442708821" sldId="584"/>
            <ac:spMk id="59" creationId="{67D83694-D552-BAD8-890D-4B19312ED8A2}"/>
          </ac:spMkLst>
        </pc:spChg>
        <pc:spChg chg="add mod">
          <ac:chgData name="Merve Gülmez" userId="3594cd17-5953-4511-8d53-8cfc799250e7" providerId="ADAL" clId="{2CCCCBB6-E0A3-43BD-A271-1B182CC636DE}" dt="2023-10-19T00:24:55.666" v="10218" actId="790"/>
          <ac:spMkLst>
            <pc:docMk/>
            <pc:sldMk cId="1442708821" sldId="584"/>
            <ac:spMk id="60" creationId="{D39E6540-CB98-F6B2-B8F3-BC75F9BA9194}"/>
          </ac:spMkLst>
        </pc:spChg>
        <pc:spChg chg="add mod">
          <ac:chgData name="Merve Gülmez" userId="3594cd17-5953-4511-8d53-8cfc799250e7" providerId="ADAL" clId="{2CCCCBB6-E0A3-43BD-A271-1B182CC636DE}" dt="2023-10-19T00:24:55.668" v="10219" actId="790"/>
          <ac:spMkLst>
            <pc:docMk/>
            <pc:sldMk cId="1442708821" sldId="584"/>
            <ac:spMk id="61" creationId="{F886F2D0-5EE0-9502-8AAD-BB20D4445E91}"/>
          </ac:spMkLst>
        </pc:spChg>
        <pc:spChg chg="add mod">
          <ac:chgData name="Merve Gülmez" userId="3594cd17-5953-4511-8d53-8cfc799250e7" providerId="ADAL" clId="{2CCCCBB6-E0A3-43BD-A271-1B182CC636DE}" dt="2023-10-19T00:24:55.669" v="10220" actId="790"/>
          <ac:spMkLst>
            <pc:docMk/>
            <pc:sldMk cId="1442708821" sldId="584"/>
            <ac:spMk id="62" creationId="{DFDB0897-E759-D09E-E0A8-20E7B8007916}"/>
          </ac:spMkLst>
        </pc:spChg>
        <pc:spChg chg="add mod">
          <ac:chgData name="Merve Gülmez" userId="3594cd17-5953-4511-8d53-8cfc799250e7" providerId="ADAL" clId="{2CCCCBB6-E0A3-43BD-A271-1B182CC636DE}" dt="2023-10-19T00:24:55.671" v="10221" actId="790"/>
          <ac:spMkLst>
            <pc:docMk/>
            <pc:sldMk cId="1442708821" sldId="584"/>
            <ac:spMk id="63" creationId="{6298B42E-3FDE-6A4C-5600-3EBFB14B949B}"/>
          </ac:spMkLst>
        </pc:spChg>
        <pc:spChg chg="add mod">
          <ac:chgData name="Merve Gülmez" userId="3594cd17-5953-4511-8d53-8cfc799250e7" providerId="ADAL" clId="{2CCCCBB6-E0A3-43BD-A271-1B182CC636DE}" dt="2023-10-19T00:24:55.672" v="10222" actId="790"/>
          <ac:spMkLst>
            <pc:docMk/>
            <pc:sldMk cId="1442708821" sldId="584"/>
            <ac:spMk id="66" creationId="{C5BB9929-7B23-58D8-946E-836FF41EC154}"/>
          </ac:spMkLst>
        </pc:spChg>
        <pc:spChg chg="add mod">
          <ac:chgData name="Merve Gülmez" userId="3594cd17-5953-4511-8d53-8cfc799250e7" providerId="ADAL" clId="{2CCCCBB6-E0A3-43BD-A271-1B182CC636DE}" dt="2023-10-19T00:24:55.675" v="10223" actId="790"/>
          <ac:spMkLst>
            <pc:docMk/>
            <pc:sldMk cId="1442708821" sldId="584"/>
            <ac:spMk id="68" creationId="{A1C29BB5-12F4-8055-47C7-7A082382CF54}"/>
          </ac:spMkLst>
        </pc:spChg>
        <pc:spChg chg="add mod">
          <ac:chgData name="Merve Gülmez" userId="3594cd17-5953-4511-8d53-8cfc799250e7" providerId="ADAL" clId="{2CCCCBB6-E0A3-43BD-A271-1B182CC636DE}" dt="2023-10-19T00:24:55.676" v="10224" actId="790"/>
          <ac:spMkLst>
            <pc:docMk/>
            <pc:sldMk cId="1442708821" sldId="584"/>
            <ac:spMk id="70" creationId="{D6E4A3FF-3315-5605-5A22-B89D3641BBF6}"/>
          </ac:spMkLst>
        </pc:spChg>
        <pc:spChg chg="add mod">
          <ac:chgData name="Merve Gülmez" userId="3594cd17-5953-4511-8d53-8cfc799250e7" providerId="ADAL" clId="{2CCCCBB6-E0A3-43BD-A271-1B182CC636DE}" dt="2023-10-19T00:24:55.678" v="10225" actId="790"/>
          <ac:spMkLst>
            <pc:docMk/>
            <pc:sldMk cId="1442708821" sldId="584"/>
            <ac:spMk id="71" creationId="{E1356FE4-F636-F84F-7B72-A144A7FA99ED}"/>
          </ac:spMkLst>
        </pc:spChg>
        <pc:spChg chg="add mod">
          <ac:chgData name="Merve Gülmez" userId="3594cd17-5953-4511-8d53-8cfc799250e7" providerId="ADAL" clId="{2CCCCBB6-E0A3-43BD-A271-1B182CC636DE}" dt="2023-10-19T00:24:55.679" v="10226" actId="790"/>
          <ac:spMkLst>
            <pc:docMk/>
            <pc:sldMk cId="1442708821" sldId="584"/>
            <ac:spMk id="72" creationId="{724FE990-0AAC-FBF1-8638-45D6AE83A0F3}"/>
          </ac:spMkLst>
        </pc:spChg>
        <pc:spChg chg="add mod">
          <ac:chgData name="Merve Gülmez" userId="3594cd17-5953-4511-8d53-8cfc799250e7" providerId="ADAL" clId="{2CCCCBB6-E0A3-43BD-A271-1B182CC636DE}" dt="2023-10-19T00:24:55.681" v="10227" actId="790"/>
          <ac:spMkLst>
            <pc:docMk/>
            <pc:sldMk cId="1442708821" sldId="584"/>
            <ac:spMk id="73" creationId="{63C34972-9D01-CE3A-3E0D-4F32370E5AA3}"/>
          </ac:spMkLst>
        </pc:spChg>
        <pc:spChg chg="add mod">
          <ac:chgData name="Merve Gülmez" userId="3594cd17-5953-4511-8d53-8cfc799250e7" providerId="ADAL" clId="{2CCCCBB6-E0A3-43BD-A271-1B182CC636DE}" dt="2023-10-19T00:24:55.682" v="10228" actId="790"/>
          <ac:spMkLst>
            <pc:docMk/>
            <pc:sldMk cId="1442708821" sldId="584"/>
            <ac:spMk id="74" creationId="{695EDF6C-C14E-8B0C-0E5F-3FA4F3185084}"/>
          </ac:spMkLst>
        </pc:spChg>
        <pc:spChg chg="add mod">
          <ac:chgData name="Merve Gülmez" userId="3594cd17-5953-4511-8d53-8cfc799250e7" providerId="ADAL" clId="{2CCCCBB6-E0A3-43BD-A271-1B182CC636DE}" dt="2023-10-19T00:24:55.684" v="10229" actId="790"/>
          <ac:spMkLst>
            <pc:docMk/>
            <pc:sldMk cId="1442708821" sldId="584"/>
            <ac:spMk id="75" creationId="{98043D4E-985A-E53C-4124-6A92AD778E30}"/>
          </ac:spMkLst>
        </pc:spChg>
        <pc:spChg chg="add mod">
          <ac:chgData name="Merve Gülmez" userId="3594cd17-5953-4511-8d53-8cfc799250e7" providerId="ADAL" clId="{2CCCCBB6-E0A3-43BD-A271-1B182CC636DE}" dt="2023-10-19T00:24:55.686" v="10230" actId="790"/>
          <ac:spMkLst>
            <pc:docMk/>
            <pc:sldMk cId="1442708821" sldId="584"/>
            <ac:spMk id="76" creationId="{B6910693-0B79-794A-18D5-7817829109A0}"/>
          </ac:spMkLst>
        </pc:spChg>
        <pc:spChg chg="add mod">
          <ac:chgData name="Merve Gülmez" userId="3594cd17-5953-4511-8d53-8cfc799250e7" providerId="ADAL" clId="{2CCCCBB6-E0A3-43BD-A271-1B182CC636DE}" dt="2023-10-19T00:24:55.687" v="10231" actId="790"/>
          <ac:spMkLst>
            <pc:docMk/>
            <pc:sldMk cId="1442708821" sldId="584"/>
            <ac:spMk id="77" creationId="{E150BA1D-C028-2A24-8C3F-AE4AFBFF9286}"/>
          </ac:spMkLst>
        </pc:spChg>
        <pc:spChg chg="add mod">
          <ac:chgData name="Merve Gülmez" userId="3594cd17-5953-4511-8d53-8cfc799250e7" providerId="ADAL" clId="{2CCCCBB6-E0A3-43BD-A271-1B182CC636DE}" dt="2023-10-19T00:24:55.688" v="10232" actId="790"/>
          <ac:spMkLst>
            <pc:docMk/>
            <pc:sldMk cId="1442708821" sldId="584"/>
            <ac:spMk id="78" creationId="{CA414989-ECCD-0675-33A2-FBC82BF1CA6B}"/>
          </ac:spMkLst>
        </pc:spChg>
        <pc:spChg chg="add mod">
          <ac:chgData name="Merve Gülmez" userId="3594cd17-5953-4511-8d53-8cfc799250e7" providerId="ADAL" clId="{2CCCCBB6-E0A3-43BD-A271-1B182CC636DE}" dt="2023-10-19T00:24:55.690" v="10233" actId="790"/>
          <ac:spMkLst>
            <pc:docMk/>
            <pc:sldMk cId="1442708821" sldId="584"/>
            <ac:spMk id="79" creationId="{A1F3DD00-7C1B-CDE6-8AA1-DA835F7935DC}"/>
          </ac:spMkLst>
        </pc:spChg>
        <pc:spChg chg="add mod">
          <ac:chgData name="Merve Gülmez" userId="3594cd17-5953-4511-8d53-8cfc799250e7" providerId="ADAL" clId="{2CCCCBB6-E0A3-43BD-A271-1B182CC636DE}" dt="2023-10-19T00:24:55.691" v="10234" actId="790"/>
          <ac:spMkLst>
            <pc:docMk/>
            <pc:sldMk cId="1442708821" sldId="584"/>
            <ac:spMk id="91" creationId="{5235CCA5-2D9F-D974-5532-9C608E2D82C2}"/>
          </ac:spMkLst>
        </pc:spChg>
        <pc:spChg chg="add mod">
          <ac:chgData name="Merve Gülmez" userId="3594cd17-5953-4511-8d53-8cfc799250e7" providerId="ADAL" clId="{2CCCCBB6-E0A3-43BD-A271-1B182CC636DE}" dt="2023-10-19T00:24:55.692" v="10235" actId="790"/>
          <ac:spMkLst>
            <pc:docMk/>
            <pc:sldMk cId="1442708821" sldId="584"/>
            <ac:spMk id="92" creationId="{62183E53-4B72-08F0-4181-46482C6CFCD1}"/>
          </ac:spMkLst>
        </pc:spChg>
        <pc:spChg chg="add mod">
          <ac:chgData name="Merve Gülmez" userId="3594cd17-5953-4511-8d53-8cfc799250e7" providerId="ADAL" clId="{2CCCCBB6-E0A3-43BD-A271-1B182CC636DE}" dt="2023-10-19T00:24:55.694" v="10236" actId="790"/>
          <ac:spMkLst>
            <pc:docMk/>
            <pc:sldMk cId="1442708821" sldId="584"/>
            <ac:spMk id="93" creationId="{48DEA86A-88F4-422F-134D-AF192CC93A71}"/>
          </ac:spMkLst>
        </pc:spChg>
        <pc:spChg chg="add mod">
          <ac:chgData name="Merve Gülmez" userId="3594cd17-5953-4511-8d53-8cfc799250e7" providerId="ADAL" clId="{2CCCCBB6-E0A3-43BD-A271-1B182CC636DE}" dt="2023-10-19T00:24:55.695" v="10237" actId="790"/>
          <ac:spMkLst>
            <pc:docMk/>
            <pc:sldMk cId="1442708821" sldId="584"/>
            <ac:spMk id="94" creationId="{CEECE131-7B96-8FEE-851E-305356F9DEAE}"/>
          </ac:spMkLst>
        </pc:spChg>
        <pc:spChg chg="add mod">
          <ac:chgData name="Merve Gülmez" userId="3594cd17-5953-4511-8d53-8cfc799250e7" providerId="ADAL" clId="{2CCCCBB6-E0A3-43BD-A271-1B182CC636DE}" dt="2023-10-19T00:24:55.696" v="10238" actId="790"/>
          <ac:spMkLst>
            <pc:docMk/>
            <pc:sldMk cId="1442708821" sldId="584"/>
            <ac:spMk id="95" creationId="{B404ACF1-3082-7264-28F4-4700782137D1}"/>
          </ac:spMkLst>
        </pc:spChg>
        <pc:spChg chg="add mod">
          <ac:chgData name="Merve Gülmez" userId="3594cd17-5953-4511-8d53-8cfc799250e7" providerId="ADAL" clId="{2CCCCBB6-E0A3-43BD-A271-1B182CC636DE}" dt="2023-10-19T00:24:55.697" v="10239" actId="790"/>
          <ac:spMkLst>
            <pc:docMk/>
            <pc:sldMk cId="1442708821" sldId="584"/>
            <ac:spMk id="96" creationId="{8635C5B3-6F9D-F2DA-0043-C27762F09E94}"/>
          </ac:spMkLst>
        </pc:spChg>
        <pc:spChg chg="add mod">
          <ac:chgData name="Merve Gülmez" userId="3594cd17-5953-4511-8d53-8cfc799250e7" providerId="ADAL" clId="{2CCCCBB6-E0A3-43BD-A271-1B182CC636DE}" dt="2023-10-19T00:24:55.699" v="10240" actId="790"/>
          <ac:spMkLst>
            <pc:docMk/>
            <pc:sldMk cId="1442708821" sldId="584"/>
            <ac:spMk id="97" creationId="{61B59E0A-9FDE-F67A-F2BF-D8E81DDF0A4B}"/>
          </ac:spMkLst>
        </pc:spChg>
        <pc:spChg chg="add mod">
          <ac:chgData name="Merve Gülmez" userId="3594cd17-5953-4511-8d53-8cfc799250e7" providerId="ADAL" clId="{2CCCCBB6-E0A3-43BD-A271-1B182CC636DE}" dt="2023-10-19T00:24:55.700" v="10241" actId="790"/>
          <ac:spMkLst>
            <pc:docMk/>
            <pc:sldMk cId="1442708821" sldId="584"/>
            <ac:spMk id="98" creationId="{EDA3F678-CB00-6E44-BD31-F6791E0F38F6}"/>
          </ac:spMkLst>
        </pc:spChg>
        <pc:spChg chg="add mod">
          <ac:chgData name="Merve Gülmez" userId="3594cd17-5953-4511-8d53-8cfc799250e7" providerId="ADAL" clId="{2CCCCBB6-E0A3-43BD-A271-1B182CC636DE}" dt="2023-10-19T00:24:55.701" v="10242" actId="790"/>
          <ac:spMkLst>
            <pc:docMk/>
            <pc:sldMk cId="1442708821" sldId="584"/>
            <ac:spMk id="99" creationId="{FA6B4750-2F35-EF13-3DBE-1E6931821064}"/>
          </ac:spMkLst>
        </pc:spChg>
        <pc:spChg chg="add mod">
          <ac:chgData name="Merve Gülmez" userId="3594cd17-5953-4511-8d53-8cfc799250e7" providerId="ADAL" clId="{2CCCCBB6-E0A3-43BD-A271-1B182CC636DE}" dt="2023-10-19T00:24:55.702" v="10243" actId="790"/>
          <ac:spMkLst>
            <pc:docMk/>
            <pc:sldMk cId="1442708821" sldId="584"/>
            <ac:spMk id="100" creationId="{E7EB02BB-0B27-84BC-8303-441823F5A59B}"/>
          </ac:spMkLst>
        </pc:spChg>
        <pc:spChg chg="add mod">
          <ac:chgData name="Merve Gülmez" userId="3594cd17-5953-4511-8d53-8cfc799250e7" providerId="ADAL" clId="{2CCCCBB6-E0A3-43BD-A271-1B182CC636DE}" dt="2023-10-19T00:24:55.704" v="10244" actId="790"/>
          <ac:spMkLst>
            <pc:docMk/>
            <pc:sldMk cId="1442708821" sldId="584"/>
            <ac:spMk id="101" creationId="{E77B0298-5280-FB52-F70E-71F811E3C227}"/>
          </ac:spMkLst>
        </pc:spChg>
        <pc:spChg chg="add mod">
          <ac:chgData name="Merve Gülmez" userId="3594cd17-5953-4511-8d53-8cfc799250e7" providerId="ADAL" clId="{2CCCCBB6-E0A3-43BD-A271-1B182CC636DE}" dt="2023-10-19T00:24:55.705" v="10245" actId="790"/>
          <ac:spMkLst>
            <pc:docMk/>
            <pc:sldMk cId="1442708821" sldId="584"/>
            <ac:spMk id="102" creationId="{8AFB8781-5A01-805D-A34E-AC2B229D3A41}"/>
          </ac:spMkLst>
        </pc:spChg>
        <pc:spChg chg="add mod">
          <ac:chgData name="Merve Gülmez" userId="3594cd17-5953-4511-8d53-8cfc799250e7" providerId="ADAL" clId="{2CCCCBB6-E0A3-43BD-A271-1B182CC636DE}" dt="2023-10-19T00:24:55.705" v="10246" actId="790"/>
          <ac:spMkLst>
            <pc:docMk/>
            <pc:sldMk cId="1442708821" sldId="584"/>
            <ac:spMk id="103" creationId="{C914785B-62AB-63F0-C747-700A4E5DA24B}"/>
          </ac:spMkLst>
        </pc:spChg>
        <pc:spChg chg="add mod">
          <ac:chgData name="Merve Gülmez" userId="3594cd17-5953-4511-8d53-8cfc799250e7" providerId="ADAL" clId="{2CCCCBB6-E0A3-43BD-A271-1B182CC636DE}" dt="2023-10-19T00:24:55.708" v="10247" actId="790"/>
          <ac:spMkLst>
            <pc:docMk/>
            <pc:sldMk cId="1442708821" sldId="584"/>
            <ac:spMk id="104" creationId="{B39DA6D9-518E-97FF-F77A-C74F6E0F2D7B}"/>
          </ac:spMkLst>
        </pc:spChg>
        <pc:spChg chg="add mod">
          <ac:chgData name="Merve Gülmez" userId="3594cd17-5953-4511-8d53-8cfc799250e7" providerId="ADAL" clId="{2CCCCBB6-E0A3-43BD-A271-1B182CC636DE}" dt="2023-10-19T00:24:55.709" v="10248" actId="790"/>
          <ac:spMkLst>
            <pc:docMk/>
            <pc:sldMk cId="1442708821" sldId="584"/>
            <ac:spMk id="105" creationId="{E676F6CF-3CE0-FBD3-BC8D-5DAE0987D8BC}"/>
          </ac:spMkLst>
        </pc:spChg>
        <pc:spChg chg="add mod">
          <ac:chgData name="Merve Gülmez" userId="3594cd17-5953-4511-8d53-8cfc799250e7" providerId="ADAL" clId="{2CCCCBB6-E0A3-43BD-A271-1B182CC636DE}" dt="2023-10-19T00:24:55.710" v="10249" actId="790"/>
          <ac:spMkLst>
            <pc:docMk/>
            <pc:sldMk cId="1442708821" sldId="584"/>
            <ac:spMk id="106" creationId="{0858DD8D-B433-3DED-7513-A8D45FB4A0C0}"/>
          </ac:spMkLst>
        </pc:spChg>
        <pc:spChg chg="add mod">
          <ac:chgData name="Merve Gülmez" userId="3594cd17-5953-4511-8d53-8cfc799250e7" providerId="ADAL" clId="{2CCCCBB6-E0A3-43BD-A271-1B182CC636DE}" dt="2023-10-19T00:24:55.711" v="10250" actId="790"/>
          <ac:spMkLst>
            <pc:docMk/>
            <pc:sldMk cId="1442708821" sldId="584"/>
            <ac:spMk id="107" creationId="{B9D2A42F-1EAE-7E0D-919D-67EBE9117282}"/>
          </ac:spMkLst>
        </pc:spChg>
        <pc:spChg chg="add mod">
          <ac:chgData name="Merve Gülmez" userId="3594cd17-5953-4511-8d53-8cfc799250e7" providerId="ADAL" clId="{2CCCCBB6-E0A3-43BD-A271-1B182CC636DE}" dt="2023-10-19T00:24:55.713" v="10251" actId="790"/>
          <ac:spMkLst>
            <pc:docMk/>
            <pc:sldMk cId="1442708821" sldId="584"/>
            <ac:spMk id="108" creationId="{BE21BD1C-837A-D927-5CC5-A00B10DC839D}"/>
          </ac:spMkLst>
        </pc:spChg>
        <pc:spChg chg="add mod">
          <ac:chgData name="Merve Gülmez" userId="3594cd17-5953-4511-8d53-8cfc799250e7" providerId="ADAL" clId="{2CCCCBB6-E0A3-43BD-A271-1B182CC636DE}" dt="2023-10-19T00:24:55.713" v="10252" actId="790"/>
          <ac:spMkLst>
            <pc:docMk/>
            <pc:sldMk cId="1442708821" sldId="584"/>
            <ac:spMk id="109" creationId="{F5426357-814F-0A7B-ADAB-048C1987BC21}"/>
          </ac:spMkLst>
        </pc:spChg>
        <pc:spChg chg="add mod">
          <ac:chgData name="Merve Gülmez" userId="3594cd17-5953-4511-8d53-8cfc799250e7" providerId="ADAL" clId="{2CCCCBB6-E0A3-43BD-A271-1B182CC636DE}" dt="2023-10-19T00:24:55.714" v="10253" actId="790"/>
          <ac:spMkLst>
            <pc:docMk/>
            <pc:sldMk cId="1442708821" sldId="584"/>
            <ac:spMk id="110" creationId="{30059206-4AC6-31B5-8BF3-C8D1A8CEF94E}"/>
          </ac:spMkLst>
        </pc:spChg>
        <pc:spChg chg="add mod">
          <ac:chgData name="Merve Gülmez" userId="3594cd17-5953-4511-8d53-8cfc799250e7" providerId="ADAL" clId="{2CCCCBB6-E0A3-43BD-A271-1B182CC636DE}" dt="2023-10-19T00:24:55.716" v="10254" actId="790"/>
          <ac:spMkLst>
            <pc:docMk/>
            <pc:sldMk cId="1442708821" sldId="584"/>
            <ac:spMk id="111" creationId="{BE129D1B-057E-56F7-EE7B-5B89380BCA96}"/>
          </ac:spMkLst>
        </pc:sp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4" creationId="{8BE54A98-59A0-53F7-96C2-F9439858DC49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10" creationId="{A9F92F75-4881-D2D1-C108-46EBCFF01A4D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11" creationId="{CB515E65-53EA-3BCD-FBFB-2D79C3D558A2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13" creationId="{D2D529AA-7E5C-E71A-61ED-AF1970030B0A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15" creationId="{3849E90D-B3D7-61C7-D588-B8D6A071754D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26" creationId="{236405C4-5A93-5AE9-AA6D-E2BADE56C21D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27" creationId="{2A9807E9-190A-F886-BE05-79E1D6186B89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28" creationId="{E1CEE7E1-79F8-3A7D-BD24-2531D22B7519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29" creationId="{90DBEB65-7B43-E4E7-7625-DA6305810CF2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0" creationId="{103DF0A2-AC63-47A5-496F-22D372F65778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1" creationId="{986CE2E8-BE60-F901-27CF-F6F663C3E7A4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2" creationId="{CA91EE3D-2E95-D846-4409-C51A62B4FD9A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3" creationId="{C1DC017E-65BD-08C2-E122-C84B4DEA765C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4" creationId="{160083DA-DFB5-C2AE-56CB-550DDEC2A735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5" creationId="{93718010-4A3C-9B39-0FAE-63A44473FB80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6" creationId="{0B229530-055E-E567-FC0F-CC693C36AEEF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58" creationId="{6550D69D-1EA6-F68E-0FB7-3109F0A22142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64" creationId="{7E326CB0-567C-769A-8283-A0CEBA918B87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65" creationId="{7DF91EAC-C382-88FB-9549-D69FCDB36553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67" creationId="{49F8E41D-FF19-C185-A8D8-BE6542DE4F9E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69" creationId="{04366F87-A9EF-4339-F8DD-89A830BBE78E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0" creationId="{D0B12020-7F81-F785-6187-96BA74BC0DC9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1" creationId="{E1C46C4D-4DA9-B7AE-575A-71AB564CB840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2" creationId="{6019C809-1864-4952-D455-25A9362B4AB3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3" creationId="{32173201-7D89-0FFC-721D-DD9B27AEEA5F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4" creationId="{D16122E0-EB95-6ADE-29A7-B4A21497BD1B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5" creationId="{12749A42-354D-4BED-EE66-3CBBAA42C4E0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6" creationId="{8A8FFAE5-28ED-16CE-AA79-BF7D43F6E9B3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7" creationId="{0FC1B2F7-BAF1-6802-38FC-D1AC9A154237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8" creationId="{6033156F-7ABD-114D-4BDA-96A4832FFDFE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9" creationId="{BC0BB86C-E23A-76D5-8BD6-D8F01ECC09C2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90" creationId="{42C9246E-2A9A-CDAA-D8E5-F8D2734327D6}"/>
          </ac:cxnSpMkLst>
        </pc:cxnChg>
      </pc:sldChg>
      <pc:sldChg chg="del">
        <pc:chgData name="Merve Gülmez" userId="3594cd17-5953-4511-8d53-8cfc799250e7" providerId="ADAL" clId="{2CCCCBB6-E0A3-43BD-A271-1B182CC636DE}" dt="2023-10-03T10:30:41.573" v="439" actId="47"/>
        <pc:sldMkLst>
          <pc:docMk/>
          <pc:sldMk cId="1733384341" sldId="584"/>
        </pc:sldMkLst>
      </pc:sldChg>
      <pc:sldChg chg="addSp delSp modSp add mod modAnim modNotesTx">
        <pc:chgData name="Merve Gülmez" userId="3594cd17-5953-4511-8d53-8cfc799250e7" providerId="ADAL" clId="{2CCCCBB6-E0A3-43BD-A271-1B182CC636DE}" dt="2023-10-19T00:29:53.086" v="10860" actId="6549"/>
        <pc:sldMkLst>
          <pc:docMk/>
          <pc:sldMk cId="3417283110" sldId="585"/>
        </pc:sldMkLst>
        <pc:spChg chg="add mod">
          <ac:chgData name="Merve Gülmez" userId="3594cd17-5953-4511-8d53-8cfc799250e7" providerId="ADAL" clId="{2CCCCBB6-E0A3-43BD-A271-1B182CC636DE}" dt="2023-10-19T00:24:55.533" v="10109"/>
          <ac:spMkLst>
            <pc:docMk/>
            <pc:sldMk cId="3417283110" sldId="585"/>
            <ac:spMk id="2" creationId="{179852F6-BE3E-E2C2-96BA-DE3138F75FC0}"/>
          </ac:spMkLst>
        </pc:spChg>
        <pc:spChg chg="mod">
          <ac:chgData name="Merve Gülmez" userId="3594cd17-5953-4511-8d53-8cfc799250e7" providerId="ADAL" clId="{2CCCCBB6-E0A3-43BD-A271-1B182CC636DE}" dt="2023-10-19T00:24:55.526" v="10101" actId="790"/>
          <ac:spMkLst>
            <pc:docMk/>
            <pc:sldMk cId="3417283110" sldId="585"/>
            <ac:spMk id="4" creationId="{EA7D4468-58D5-40D1-8182-8FDBCEF777E1}"/>
          </ac:spMkLst>
        </pc:spChg>
        <pc:spChg chg="mod">
          <ac:chgData name="Merve Gülmez" userId="3594cd17-5953-4511-8d53-8cfc799250e7" providerId="ADAL" clId="{2CCCCBB6-E0A3-43BD-A271-1B182CC636DE}" dt="2023-10-19T00:24:55.528" v="10102"/>
          <ac:spMkLst>
            <pc:docMk/>
            <pc:sldMk cId="3417283110" sldId="585"/>
            <ac:spMk id="5" creationId="{393A08AF-E8DD-44C5-A85C-B1192DD283A4}"/>
          </ac:spMkLst>
        </pc:spChg>
        <pc:spChg chg="mod">
          <ac:chgData name="Merve Gülmez" userId="3594cd17-5953-4511-8d53-8cfc799250e7" providerId="ADAL" clId="{2CCCCBB6-E0A3-43BD-A271-1B182CC636DE}" dt="2023-10-19T00:24:55.529" v="10103" actId="790"/>
          <ac:spMkLst>
            <pc:docMk/>
            <pc:sldMk cId="3417283110" sldId="585"/>
            <ac:spMk id="6" creationId="{56AFC71C-F7A5-47C7-AC2C-FD58718975AF}"/>
          </ac:spMkLst>
        </pc:spChg>
        <pc:spChg chg="add mod">
          <ac:chgData name="Merve Gülmez" userId="3594cd17-5953-4511-8d53-8cfc799250e7" providerId="ADAL" clId="{2CCCCBB6-E0A3-43BD-A271-1B182CC636DE}" dt="2023-10-19T00:24:55.534" v="10110" actId="790"/>
          <ac:spMkLst>
            <pc:docMk/>
            <pc:sldMk cId="3417283110" sldId="585"/>
            <ac:spMk id="7" creationId="{F34E5D6E-B81D-B959-D55B-9D2CA5BEA111}"/>
          </ac:spMkLst>
        </pc:spChg>
        <pc:spChg chg="add mod">
          <ac:chgData name="Merve Gülmez" userId="3594cd17-5953-4511-8d53-8cfc799250e7" providerId="ADAL" clId="{2CCCCBB6-E0A3-43BD-A271-1B182CC636DE}" dt="2023-10-19T00:29:53.086" v="10860" actId="6549"/>
          <ac:spMkLst>
            <pc:docMk/>
            <pc:sldMk cId="3417283110" sldId="585"/>
            <ac:spMk id="8" creationId="{6B21DB6A-AFCE-521E-8E53-C261956078FD}"/>
          </ac:spMkLst>
        </pc:spChg>
        <pc:spChg chg="add del mod">
          <ac:chgData name="Merve Gülmez" userId="3594cd17-5953-4511-8d53-8cfc799250e7" providerId="ADAL" clId="{2CCCCBB6-E0A3-43BD-A271-1B182CC636DE}" dt="2023-10-08T07:34:20.910" v="2192"/>
          <ac:spMkLst>
            <pc:docMk/>
            <pc:sldMk cId="3417283110" sldId="585"/>
            <ac:spMk id="9" creationId="{1BFC0C27-6963-00E0-37F2-5921122F978A}"/>
          </ac:spMkLst>
        </pc:spChg>
        <pc:spChg chg="add del">
          <ac:chgData name="Merve Gülmez" userId="3594cd17-5953-4511-8d53-8cfc799250e7" providerId="ADAL" clId="{2CCCCBB6-E0A3-43BD-A271-1B182CC636DE}" dt="2023-10-04T07:08:40.428" v="1233"/>
          <ac:spMkLst>
            <pc:docMk/>
            <pc:sldMk cId="3417283110" sldId="585"/>
            <ac:spMk id="9" creationId="{CF56B92E-CCC7-9686-32B3-AEF9B22BA247}"/>
          </ac:spMkLst>
        </pc:spChg>
        <pc:spChg chg="add mod">
          <ac:chgData name="Merve Gülmez" userId="3594cd17-5953-4511-8d53-8cfc799250e7" providerId="ADAL" clId="{2CCCCBB6-E0A3-43BD-A271-1B182CC636DE}" dt="2023-10-19T00:24:55.535" v="10111" actId="790"/>
          <ac:spMkLst>
            <pc:docMk/>
            <pc:sldMk cId="3417283110" sldId="585"/>
            <ac:spMk id="10" creationId="{25D5850C-9737-1B88-C927-AAA621DD24FB}"/>
          </ac:spMkLst>
        </pc:spChg>
        <pc:spChg chg="mod">
          <ac:chgData name="Merve Gülmez" userId="3594cd17-5953-4511-8d53-8cfc799250e7" providerId="ADAL" clId="{2CCCCBB6-E0A3-43BD-A271-1B182CC636DE}" dt="2023-10-19T00:24:55.530" v="10104" actId="790"/>
          <ac:spMkLst>
            <pc:docMk/>
            <pc:sldMk cId="3417283110" sldId="585"/>
            <ac:spMk id="11" creationId="{E6D1E66D-7E35-4037-A967-BD046D6E642F}"/>
          </ac:spMkLst>
        </pc:spChg>
        <pc:spChg chg="mod">
          <ac:chgData name="Merve Gülmez" userId="3594cd17-5953-4511-8d53-8cfc799250e7" providerId="ADAL" clId="{2CCCCBB6-E0A3-43BD-A271-1B182CC636DE}" dt="2023-10-19T00:24:55.531" v="10105" actId="790"/>
          <ac:spMkLst>
            <pc:docMk/>
            <pc:sldMk cId="3417283110" sldId="585"/>
            <ac:spMk id="12" creationId="{2104418B-B405-4546-961F-441684FDDF4D}"/>
          </ac:spMkLst>
        </pc:spChg>
        <pc:spChg chg="mod">
          <ac:chgData name="Merve Gülmez" userId="3594cd17-5953-4511-8d53-8cfc799250e7" providerId="ADAL" clId="{2CCCCBB6-E0A3-43BD-A271-1B182CC636DE}" dt="2023-10-19T00:24:55.531" v="10106" actId="790"/>
          <ac:spMkLst>
            <pc:docMk/>
            <pc:sldMk cId="3417283110" sldId="585"/>
            <ac:spMk id="13" creationId="{77302FF2-BC11-4E2F-A8A8-00912EC3652F}"/>
          </ac:spMkLst>
        </pc:spChg>
        <pc:spChg chg="mod">
          <ac:chgData name="Merve Gülmez" userId="3594cd17-5953-4511-8d53-8cfc799250e7" providerId="ADAL" clId="{2CCCCBB6-E0A3-43BD-A271-1B182CC636DE}" dt="2023-10-19T00:24:55.531" v="10107" actId="790"/>
          <ac:spMkLst>
            <pc:docMk/>
            <pc:sldMk cId="3417283110" sldId="585"/>
            <ac:spMk id="15" creationId="{80EDF406-7701-48DD-AAB0-B20D9721C7CC}"/>
          </ac:spMkLst>
        </pc:spChg>
        <pc:picChg chg="add mod">
          <ac:chgData name="Merve Gülmez" userId="3594cd17-5953-4511-8d53-8cfc799250e7" providerId="ADAL" clId="{2CCCCBB6-E0A3-43BD-A271-1B182CC636DE}" dt="2023-10-10T18:20:30.353" v="4116" actId="1076"/>
          <ac:picMkLst>
            <pc:docMk/>
            <pc:sldMk cId="3417283110" sldId="585"/>
            <ac:picMk id="3" creationId="{75AFE8EE-8E0F-8745-0503-59160E576BC8}"/>
          </ac:picMkLst>
        </pc:picChg>
      </pc:sldChg>
      <pc:sldChg chg="addSp delSp modSp new mod modNotesTx">
        <pc:chgData name="Merve Gülmez" userId="3594cd17-5953-4511-8d53-8cfc799250e7" providerId="ADAL" clId="{2CCCCBB6-E0A3-43BD-A271-1B182CC636DE}" dt="2023-10-19T12:49:26.743" v="10933" actId="5793"/>
        <pc:sldMkLst>
          <pc:docMk/>
          <pc:sldMk cId="2169024061" sldId="586"/>
        </pc:sldMkLst>
        <pc:spChg chg="mod">
          <ac:chgData name="Merve Gülmez" userId="3594cd17-5953-4511-8d53-8cfc799250e7" providerId="ADAL" clId="{2CCCCBB6-E0A3-43BD-A271-1B182CC636DE}" dt="2023-10-19T00:24:55.634" v="10191" actId="790"/>
          <ac:spMkLst>
            <pc:docMk/>
            <pc:sldMk cId="2169024061" sldId="586"/>
            <ac:spMk id="2" creationId="{2B8373DA-35F8-3FCF-DFF7-3ECE06207691}"/>
          </ac:spMkLst>
        </pc:spChg>
        <pc:spChg chg="del">
          <ac:chgData name="Merve Gülmez" userId="3594cd17-5953-4511-8d53-8cfc799250e7" providerId="ADAL" clId="{2CCCCBB6-E0A3-43BD-A271-1B182CC636DE}" dt="2023-10-08T07:59:10.994" v="2530" actId="478"/>
          <ac:spMkLst>
            <pc:docMk/>
            <pc:sldMk cId="2169024061" sldId="586"/>
            <ac:spMk id="3" creationId="{1598288D-7142-EDF8-0B86-2F00493DC8DE}"/>
          </ac:spMkLst>
        </pc:spChg>
        <pc:spChg chg="add del mod">
          <ac:chgData name="Merve Gülmez" userId="3594cd17-5953-4511-8d53-8cfc799250e7" providerId="ADAL" clId="{2CCCCBB6-E0A3-43BD-A271-1B182CC636DE}" dt="2023-10-11T09:36:18.876" v="5309"/>
          <ac:spMkLst>
            <pc:docMk/>
            <pc:sldMk cId="2169024061" sldId="586"/>
            <ac:spMk id="4" creationId="{CECAF99C-35E3-1DFC-ED8F-6C2962097D79}"/>
          </ac:spMkLst>
        </pc:spChg>
        <pc:spChg chg="add mod">
          <ac:chgData name="Merve Gülmez" userId="3594cd17-5953-4511-8d53-8cfc799250e7" providerId="ADAL" clId="{2CCCCBB6-E0A3-43BD-A271-1B182CC636DE}" dt="2023-10-19T12:49:26.743" v="10933" actId="5793"/>
          <ac:spMkLst>
            <pc:docMk/>
            <pc:sldMk cId="2169024061" sldId="586"/>
            <ac:spMk id="6" creationId="{12819780-6BCC-359F-24DB-DD23CBF4E63B}"/>
          </ac:spMkLst>
        </pc:spChg>
        <pc:picChg chg="add del mod">
          <ac:chgData name="Merve Gülmez" userId="3594cd17-5953-4511-8d53-8cfc799250e7" providerId="ADAL" clId="{2CCCCBB6-E0A3-43BD-A271-1B182CC636DE}" dt="2023-10-11T12:23:00.971" v="6478" actId="478"/>
          <ac:picMkLst>
            <pc:docMk/>
            <pc:sldMk cId="2169024061" sldId="586"/>
            <ac:picMk id="5" creationId="{8776CFD2-E89B-0838-89D5-C00E692D5ADB}"/>
          </ac:picMkLst>
        </pc:picChg>
        <pc:picChg chg="add del mod">
          <ac:chgData name="Merve Gülmez" userId="3594cd17-5953-4511-8d53-8cfc799250e7" providerId="ADAL" clId="{2CCCCBB6-E0A3-43BD-A271-1B182CC636DE}" dt="2023-10-11T12:22:59.518" v="6477" actId="478"/>
          <ac:picMkLst>
            <pc:docMk/>
            <pc:sldMk cId="2169024061" sldId="586"/>
            <ac:picMk id="7" creationId="{9545F87A-8D66-0519-2F64-75D722BA5B9D}"/>
          </ac:picMkLst>
        </pc:picChg>
        <pc:picChg chg="add del mod">
          <ac:chgData name="Merve Gülmez" userId="3594cd17-5953-4511-8d53-8cfc799250e7" providerId="ADAL" clId="{2CCCCBB6-E0A3-43BD-A271-1B182CC636DE}" dt="2023-10-11T12:22:56.591" v="6475" actId="478"/>
          <ac:picMkLst>
            <pc:docMk/>
            <pc:sldMk cId="2169024061" sldId="586"/>
            <ac:picMk id="9" creationId="{510CD364-2EFA-5440-1D89-82B774A5D149}"/>
          </ac:picMkLst>
        </pc:picChg>
        <pc:picChg chg="add del mod">
          <ac:chgData name="Merve Gülmez" userId="3594cd17-5953-4511-8d53-8cfc799250e7" providerId="ADAL" clId="{2CCCCBB6-E0A3-43BD-A271-1B182CC636DE}" dt="2023-10-08T07:59:28.304" v="2545" actId="478"/>
          <ac:picMkLst>
            <pc:docMk/>
            <pc:sldMk cId="2169024061" sldId="586"/>
            <ac:picMk id="9" creationId="{AAF7CC29-4468-422D-A5E5-6724F31CDE80}"/>
          </ac:picMkLst>
        </pc:picChg>
        <pc:picChg chg="add del mod">
          <ac:chgData name="Merve Gülmez" userId="3594cd17-5953-4511-8d53-8cfc799250e7" providerId="ADAL" clId="{2CCCCBB6-E0A3-43BD-A271-1B182CC636DE}" dt="2023-10-11T12:22:58.012" v="6476" actId="478"/>
          <ac:picMkLst>
            <pc:docMk/>
            <pc:sldMk cId="2169024061" sldId="586"/>
            <ac:picMk id="11" creationId="{5AD8B969-F09D-122C-F2B2-26A4BFCCEB02}"/>
          </ac:picMkLst>
        </pc:picChg>
        <pc:picChg chg="add del mod">
          <ac:chgData name="Merve Gülmez" userId="3594cd17-5953-4511-8d53-8cfc799250e7" providerId="ADAL" clId="{2CCCCBB6-E0A3-43BD-A271-1B182CC636DE}" dt="2023-10-08T07:59:30.238" v="2546" actId="478"/>
          <ac:picMkLst>
            <pc:docMk/>
            <pc:sldMk cId="2169024061" sldId="586"/>
            <ac:picMk id="11" creationId="{7B697101-8CFC-CE54-1A68-6664C47D0E35}"/>
          </ac:picMkLst>
        </pc:picChg>
      </pc:sldChg>
      <pc:sldChg chg="addSp delSp modSp new del mod delAnim modAnim">
        <pc:chgData name="Merve Gülmez" userId="3594cd17-5953-4511-8d53-8cfc799250e7" providerId="ADAL" clId="{2CCCCBB6-E0A3-43BD-A271-1B182CC636DE}" dt="2023-10-19T12:48:06.969" v="10924" actId="47"/>
        <pc:sldMkLst>
          <pc:docMk/>
          <pc:sldMk cId="3899862933" sldId="587"/>
        </pc:sldMkLst>
        <pc:spChg chg="add del mod">
          <ac:chgData name="Merve Gülmez" userId="3594cd17-5953-4511-8d53-8cfc799250e7" providerId="ADAL" clId="{2CCCCBB6-E0A3-43BD-A271-1B182CC636DE}" dt="2023-10-19T00:24:55.537" v="10114" actId="790"/>
          <ac:spMkLst>
            <pc:docMk/>
            <pc:sldMk cId="3899862933" sldId="587"/>
            <ac:spMk id="2" creationId="{4ED1A7FC-9BC9-0AD1-B118-E7AB6D08EE8E}"/>
          </ac:spMkLst>
        </pc:spChg>
        <pc:spChg chg="add mod">
          <ac:chgData name="Merve Gülmez" userId="3594cd17-5953-4511-8d53-8cfc799250e7" providerId="ADAL" clId="{2CCCCBB6-E0A3-43BD-A271-1B182CC636DE}" dt="2023-10-19T00:30:57.559" v="10868" actId="14100"/>
          <ac:spMkLst>
            <pc:docMk/>
            <pc:sldMk cId="3899862933" sldId="587"/>
            <ac:spMk id="3" creationId="{10072294-3CAA-BA36-D832-849D3FDB1650}"/>
          </ac:spMkLst>
        </pc:spChg>
        <pc:spChg chg="add del mod ord">
          <ac:chgData name="Merve Gülmez" userId="3594cd17-5953-4511-8d53-8cfc799250e7" providerId="ADAL" clId="{2CCCCBB6-E0A3-43BD-A271-1B182CC636DE}" dt="2023-10-10T05:50:56.428" v="3691" actId="478"/>
          <ac:spMkLst>
            <pc:docMk/>
            <pc:sldMk cId="3899862933" sldId="587"/>
            <ac:spMk id="3" creationId="{3D46DC8B-3470-3F02-1866-BD4B79411A2B}"/>
          </ac:spMkLst>
        </pc:spChg>
        <pc:spChg chg="del">
          <ac:chgData name="Merve Gülmez" userId="3594cd17-5953-4511-8d53-8cfc799250e7" providerId="ADAL" clId="{2CCCCBB6-E0A3-43BD-A271-1B182CC636DE}" dt="2023-10-08T17:25:20.798" v="2674" actId="478"/>
          <ac:spMkLst>
            <pc:docMk/>
            <pc:sldMk cId="3899862933" sldId="587"/>
            <ac:spMk id="3" creationId="{EF275422-AF45-815B-D5A0-574F688AC83E}"/>
          </ac:spMkLst>
        </pc:spChg>
        <pc:spChg chg="add mod">
          <ac:chgData name="Merve Gülmez" userId="3594cd17-5953-4511-8d53-8cfc799250e7" providerId="ADAL" clId="{2CCCCBB6-E0A3-43BD-A271-1B182CC636DE}" dt="2023-10-19T00:32:21.017" v="10883" actId="14100"/>
          <ac:spMkLst>
            <pc:docMk/>
            <pc:sldMk cId="3899862933" sldId="587"/>
            <ac:spMk id="6" creationId="{8297DF11-2787-BBBE-C784-9886616D4EFA}"/>
          </ac:spMkLst>
        </pc:spChg>
        <pc:spChg chg="add mod">
          <ac:chgData name="Merve Gülmez" userId="3594cd17-5953-4511-8d53-8cfc799250e7" providerId="ADAL" clId="{2CCCCBB6-E0A3-43BD-A271-1B182CC636DE}" dt="2023-10-19T00:24:55.540" v="10116" actId="790"/>
          <ac:spMkLst>
            <pc:docMk/>
            <pc:sldMk cId="3899862933" sldId="587"/>
            <ac:spMk id="7" creationId="{0F8A03A2-5229-C3FB-BC52-0F1046D7078B}"/>
          </ac:spMkLst>
        </pc:spChg>
        <pc:spChg chg="add del mod">
          <ac:chgData name="Merve Gülmez" userId="3594cd17-5953-4511-8d53-8cfc799250e7" providerId="ADAL" clId="{2CCCCBB6-E0A3-43BD-A271-1B182CC636DE}" dt="2023-10-19T00:31:30.166" v="10879" actId="21"/>
          <ac:spMkLst>
            <pc:docMk/>
            <pc:sldMk cId="3899862933" sldId="587"/>
            <ac:spMk id="8" creationId="{4D84DC5F-6597-53D7-5B90-7B74F0445CC6}"/>
          </ac:spMkLst>
        </pc:spChg>
        <pc:spChg chg="add del mod">
          <ac:chgData name="Merve Gülmez" userId="3594cd17-5953-4511-8d53-8cfc799250e7" providerId="ADAL" clId="{2CCCCBB6-E0A3-43BD-A271-1B182CC636DE}" dt="2023-10-11T09:52:45.393" v="5641" actId="767"/>
          <ac:spMkLst>
            <pc:docMk/>
            <pc:sldMk cId="3899862933" sldId="587"/>
            <ac:spMk id="10" creationId="{9E49E2F0-BFAD-789B-50A7-B150CC0BE681}"/>
          </ac:spMkLst>
        </pc:spChg>
        <pc:spChg chg="add mod">
          <ac:chgData name="Merve Gülmez" userId="3594cd17-5953-4511-8d53-8cfc799250e7" providerId="ADAL" clId="{2CCCCBB6-E0A3-43BD-A271-1B182CC636DE}" dt="2023-10-19T00:24:55.542" v="10118"/>
          <ac:spMkLst>
            <pc:docMk/>
            <pc:sldMk cId="3899862933" sldId="587"/>
            <ac:spMk id="11" creationId="{957F9C33-8D3B-26BD-75C5-7616654D8612}"/>
          </ac:spMkLst>
        </pc:spChg>
        <pc:picChg chg="add del mod">
          <ac:chgData name="Merve Gülmez" userId="3594cd17-5953-4511-8d53-8cfc799250e7" providerId="ADAL" clId="{2CCCCBB6-E0A3-43BD-A271-1B182CC636DE}" dt="2023-10-10T05:52:21.001" v="3703"/>
          <ac:picMkLst>
            <pc:docMk/>
            <pc:sldMk cId="3899862933" sldId="587"/>
            <ac:picMk id="4" creationId="{ADC0E969-C764-F567-0F81-9D61362F811B}"/>
          </ac:picMkLst>
        </pc:picChg>
        <pc:picChg chg="add mod">
          <ac:chgData name="Merve Gülmez" userId="3594cd17-5953-4511-8d53-8cfc799250e7" providerId="ADAL" clId="{2CCCCBB6-E0A3-43BD-A271-1B182CC636DE}" dt="2023-10-11T09:14:34.711" v="5094" actId="1076"/>
          <ac:picMkLst>
            <pc:docMk/>
            <pc:sldMk cId="3899862933" sldId="587"/>
            <ac:picMk id="5" creationId="{0728FA5C-E448-13ED-F403-78B676DE2FDE}"/>
          </ac:picMkLst>
        </pc:picChg>
        <pc:picChg chg="add mod">
          <ac:chgData name="Merve Gülmez" userId="3594cd17-5953-4511-8d53-8cfc799250e7" providerId="ADAL" clId="{2CCCCBB6-E0A3-43BD-A271-1B182CC636DE}" dt="2023-10-11T09:14:52.808" v="5099" actId="1076"/>
          <ac:picMkLst>
            <pc:docMk/>
            <pc:sldMk cId="3899862933" sldId="587"/>
            <ac:picMk id="9" creationId="{01C2776B-EE7A-D343-EE07-0D13F881751B}"/>
          </ac:picMkLst>
        </pc:picChg>
      </pc:sldChg>
      <pc:sldChg chg="addSp delSp modSp new mod delAnim modAnim">
        <pc:chgData name="Merve Gülmez" userId="3594cd17-5953-4511-8d53-8cfc799250e7" providerId="ADAL" clId="{2CCCCBB6-E0A3-43BD-A271-1B182CC636DE}" dt="2023-10-19T00:24:55.621" v="10185"/>
        <pc:sldMkLst>
          <pc:docMk/>
          <pc:sldMk cId="1616590868" sldId="588"/>
        </pc:sldMkLst>
        <pc:spChg chg="mod">
          <ac:chgData name="Merve Gülmez" userId="3594cd17-5953-4511-8d53-8cfc799250e7" providerId="ADAL" clId="{2CCCCBB6-E0A3-43BD-A271-1B182CC636DE}" dt="2023-10-19T00:24:55.619" v="10181"/>
          <ac:spMkLst>
            <pc:docMk/>
            <pc:sldMk cId="1616590868" sldId="588"/>
            <ac:spMk id="2" creationId="{8C167292-8ADD-0FDB-CBCF-D3622221CFB2}"/>
          </ac:spMkLst>
        </pc:spChg>
        <pc:spChg chg="add del mod">
          <ac:chgData name="Merve Gülmez" userId="3594cd17-5953-4511-8d53-8cfc799250e7" providerId="ADAL" clId="{2CCCCBB6-E0A3-43BD-A271-1B182CC636DE}" dt="2023-10-19T00:24:55.620" v="10182"/>
          <ac:spMkLst>
            <pc:docMk/>
            <pc:sldMk cId="1616590868" sldId="588"/>
            <ac:spMk id="3" creationId="{10D78F04-3089-A395-7AB5-15E7D48B7D30}"/>
          </ac:spMkLst>
        </pc:spChg>
        <pc:spChg chg="add del">
          <ac:chgData name="Merve Gülmez" userId="3594cd17-5953-4511-8d53-8cfc799250e7" providerId="ADAL" clId="{2CCCCBB6-E0A3-43BD-A271-1B182CC636DE}" dt="2023-10-11T10:54:38.387" v="5786" actId="478"/>
          <ac:spMkLst>
            <pc:docMk/>
            <pc:sldMk cId="1616590868" sldId="588"/>
            <ac:spMk id="4" creationId="{71818545-9521-9777-104F-9693D1126DF5}"/>
          </ac:spMkLst>
        </pc:spChg>
        <pc:spChg chg="add del mod">
          <ac:chgData name="Merve Gülmez" userId="3594cd17-5953-4511-8d53-8cfc799250e7" providerId="ADAL" clId="{2CCCCBB6-E0A3-43BD-A271-1B182CC636DE}" dt="2023-10-13T08:23:39.239" v="7589" actId="478"/>
          <ac:spMkLst>
            <pc:docMk/>
            <pc:sldMk cId="1616590868" sldId="588"/>
            <ac:spMk id="7" creationId="{5DDD4B78-BE1E-4253-2F02-B4B81798BECC}"/>
          </ac:spMkLst>
        </pc:spChg>
        <pc:spChg chg="add del mod">
          <ac:chgData name="Merve Gülmez" userId="3594cd17-5953-4511-8d53-8cfc799250e7" providerId="ADAL" clId="{2CCCCBB6-E0A3-43BD-A271-1B182CC636DE}" dt="2023-10-11T11:23:14.862" v="6216" actId="478"/>
          <ac:spMkLst>
            <pc:docMk/>
            <pc:sldMk cId="1616590868" sldId="588"/>
            <ac:spMk id="9" creationId="{9449FFCA-BC94-AD21-7802-4CF28DC929FB}"/>
          </ac:spMkLst>
        </pc:spChg>
        <pc:spChg chg="add mod">
          <ac:chgData name="Merve Gülmez" userId="3594cd17-5953-4511-8d53-8cfc799250e7" providerId="ADAL" clId="{2CCCCBB6-E0A3-43BD-A271-1B182CC636DE}" dt="2023-10-19T00:24:55.620" v="10183"/>
          <ac:spMkLst>
            <pc:docMk/>
            <pc:sldMk cId="1616590868" sldId="588"/>
            <ac:spMk id="12" creationId="{9B8E5EC3-9301-1737-C378-41A5780FC828}"/>
          </ac:spMkLst>
        </pc:spChg>
        <pc:spChg chg="add del mod">
          <ac:chgData name="Merve Gülmez" userId="3594cd17-5953-4511-8d53-8cfc799250e7" providerId="ADAL" clId="{2CCCCBB6-E0A3-43BD-A271-1B182CC636DE}" dt="2023-10-11T11:24:31.834" v="6258" actId="478"/>
          <ac:spMkLst>
            <pc:docMk/>
            <pc:sldMk cId="1616590868" sldId="588"/>
            <ac:spMk id="13" creationId="{61719A80-C43C-5B7E-38F7-D05F9127EF19}"/>
          </ac:spMkLst>
        </pc:spChg>
        <pc:spChg chg="add mod">
          <ac:chgData name="Merve Gülmez" userId="3594cd17-5953-4511-8d53-8cfc799250e7" providerId="ADAL" clId="{2CCCCBB6-E0A3-43BD-A271-1B182CC636DE}" dt="2023-10-19T00:24:55.621" v="10184"/>
          <ac:spMkLst>
            <pc:docMk/>
            <pc:sldMk cId="1616590868" sldId="588"/>
            <ac:spMk id="16" creationId="{1A1310E9-7B49-B34B-FCAC-ECCEEC064FD3}"/>
          </ac:spMkLst>
        </pc:spChg>
        <pc:spChg chg="add del mod">
          <ac:chgData name="Merve Gülmez" userId="3594cd17-5953-4511-8d53-8cfc799250e7" providerId="ADAL" clId="{2CCCCBB6-E0A3-43BD-A271-1B182CC636DE}" dt="2023-10-13T08:25:11.769" v="7593" actId="478"/>
          <ac:spMkLst>
            <pc:docMk/>
            <pc:sldMk cId="1616590868" sldId="588"/>
            <ac:spMk id="17" creationId="{DEDCC8E5-5A9D-F0D0-E5AA-4F8DF7D571A4}"/>
          </ac:spMkLst>
        </pc:spChg>
        <pc:spChg chg="add mod">
          <ac:chgData name="Merve Gülmez" userId="3594cd17-5953-4511-8d53-8cfc799250e7" providerId="ADAL" clId="{2CCCCBB6-E0A3-43BD-A271-1B182CC636DE}" dt="2023-10-19T00:24:55.621" v="10185"/>
          <ac:spMkLst>
            <pc:docMk/>
            <pc:sldMk cId="1616590868" sldId="588"/>
            <ac:spMk id="19" creationId="{6607A120-9E7F-4C3A-F96B-44D3DC0A3570}"/>
          </ac:spMkLst>
        </pc:spChg>
        <pc:spChg chg="add mod">
          <ac:chgData name="Merve Gülmez" userId="3594cd17-5953-4511-8d53-8cfc799250e7" providerId="ADAL" clId="{2CCCCBB6-E0A3-43BD-A271-1B182CC636DE}" dt="2023-10-11T12:01:40.416" v="6354" actId="571"/>
          <ac:spMkLst>
            <pc:docMk/>
            <pc:sldMk cId="1616590868" sldId="588"/>
            <ac:spMk id="23" creationId="{7A0873B7-455C-2AB5-13C6-EDDC5FB6ACE8}"/>
          </ac:spMkLst>
        </pc:spChg>
        <pc:spChg chg="add mod">
          <ac:chgData name="Merve Gülmez" userId="3594cd17-5953-4511-8d53-8cfc799250e7" providerId="ADAL" clId="{2CCCCBB6-E0A3-43BD-A271-1B182CC636DE}" dt="2023-10-11T12:01:40.416" v="6354" actId="571"/>
          <ac:spMkLst>
            <pc:docMk/>
            <pc:sldMk cId="1616590868" sldId="588"/>
            <ac:spMk id="25" creationId="{A7425892-8DCA-284C-96B6-F56AE3C206C2}"/>
          </ac:spMkLst>
        </pc:spChg>
        <pc:spChg chg="add mod">
          <ac:chgData name="Merve Gülmez" userId="3594cd17-5953-4511-8d53-8cfc799250e7" providerId="ADAL" clId="{2CCCCBB6-E0A3-43BD-A271-1B182CC636DE}" dt="2023-10-11T12:01:40.416" v="6354" actId="571"/>
          <ac:spMkLst>
            <pc:docMk/>
            <pc:sldMk cId="1616590868" sldId="588"/>
            <ac:spMk id="26" creationId="{6A21F2C8-5CAD-128D-FF51-B590E49D2059}"/>
          </ac:spMkLst>
        </pc:spChg>
        <pc:spChg chg="add mod">
          <ac:chgData name="Merve Gülmez" userId="3594cd17-5953-4511-8d53-8cfc799250e7" providerId="ADAL" clId="{2CCCCBB6-E0A3-43BD-A271-1B182CC636DE}" dt="2023-10-11T12:01:44.924" v="6356" actId="571"/>
          <ac:spMkLst>
            <pc:docMk/>
            <pc:sldMk cId="1616590868" sldId="588"/>
            <ac:spMk id="27" creationId="{EF19DD35-6CA3-9BD7-C2F6-E0B95670CFAD}"/>
          </ac:spMkLst>
        </pc:spChg>
        <pc:spChg chg="add mod">
          <ac:chgData name="Merve Gülmez" userId="3594cd17-5953-4511-8d53-8cfc799250e7" providerId="ADAL" clId="{2CCCCBB6-E0A3-43BD-A271-1B182CC636DE}" dt="2023-10-11T12:01:44.924" v="6356" actId="571"/>
          <ac:spMkLst>
            <pc:docMk/>
            <pc:sldMk cId="1616590868" sldId="588"/>
            <ac:spMk id="29" creationId="{01274934-0590-6BA9-ACB6-792C7FF2482C}"/>
          </ac:spMkLst>
        </pc:spChg>
        <pc:spChg chg="add mod">
          <ac:chgData name="Merve Gülmez" userId="3594cd17-5953-4511-8d53-8cfc799250e7" providerId="ADAL" clId="{2CCCCBB6-E0A3-43BD-A271-1B182CC636DE}" dt="2023-10-11T12:01:44.924" v="6356" actId="571"/>
          <ac:spMkLst>
            <pc:docMk/>
            <pc:sldMk cId="1616590868" sldId="588"/>
            <ac:spMk id="30" creationId="{C7B4EE98-7B7E-991C-22E7-C986955DC373}"/>
          </ac:spMkLst>
        </pc:spChg>
        <pc:picChg chg="add del mod">
          <ac:chgData name="Merve Gülmez" userId="3594cd17-5953-4511-8d53-8cfc799250e7" providerId="ADAL" clId="{2CCCCBB6-E0A3-43BD-A271-1B182CC636DE}" dt="2023-10-13T08:23:36.160" v="7587" actId="478"/>
          <ac:picMkLst>
            <pc:docMk/>
            <pc:sldMk cId="1616590868" sldId="588"/>
            <ac:picMk id="6" creationId="{5DD2FCDE-97AB-A842-61E4-E03911C4C1C5}"/>
          </ac:picMkLst>
        </pc:picChg>
        <pc:picChg chg="add del mod">
          <ac:chgData name="Merve Gülmez" userId="3594cd17-5953-4511-8d53-8cfc799250e7" providerId="ADAL" clId="{2CCCCBB6-E0A3-43BD-A271-1B182CC636DE}" dt="2023-10-11T12:01:05.615" v="6349" actId="478"/>
          <ac:picMkLst>
            <pc:docMk/>
            <pc:sldMk cId="1616590868" sldId="588"/>
            <ac:picMk id="21" creationId="{00AC1C18-6D78-7F79-FC75-0B9E8C7C3A5A}"/>
          </ac:picMkLst>
        </pc:picChg>
        <pc:picChg chg="add del mod">
          <ac:chgData name="Merve Gülmez" userId="3594cd17-5953-4511-8d53-8cfc799250e7" providerId="ADAL" clId="{2CCCCBB6-E0A3-43BD-A271-1B182CC636DE}" dt="2023-10-13T08:25:30.553" v="7600" actId="478"/>
          <ac:picMkLst>
            <pc:docMk/>
            <pc:sldMk cId="1616590868" sldId="588"/>
            <ac:picMk id="22" creationId="{A0B4DFA2-77B9-43A2-06A9-4F27035F1384}"/>
          </ac:picMkLst>
        </pc:picChg>
        <pc:picChg chg="add mod modCrop">
          <ac:chgData name="Merve Gülmez" userId="3594cd17-5953-4511-8d53-8cfc799250e7" providerId="ADAL" clId="{2CCCCBB6-E0A3-43BD-A271-1B182CC636DE}" dt="2023-10-13T08:39:12.690" v="7673" actId="1076"/>
          <ac:picMkLst>
            <pc:docMk/>
            <pc:sldMk cId="1616590868" sldId="588"/>
            <ac:picMk id="31" creationId="{FA348521-397D-F634-9895-04CD0E330D72}"/>
          </ac:picMkLst>
        </pc:picChg>
        <pc:picChg chg="add mod">
          <ac:chgData name="Merve Gülmez" userId="3594cd17-5953-4511-8d53-8cfc799250e7" providerId="ADAL" clId="{2CCCCBB6-E0A3-43BD-A271-1B182CC636DE}" dt="2023-10-13T08:25:19.576" v="7597" actId="962"/>
          <ac:picMkLst>
            <pc:docMk/>
            <pc:sldMk cId="1616590868" sldId="588"/>
            <ac:picMk id="33" creationId="{F2EF04DE-1D49-791D-5EFF-CE4772CE9ABF}"/>
          </ac:picMkLst>
        </pc:picChg>
        <pc:picChg chg="add mod">
          <ac:chgData name="Merve Gülmez" userId="3594cd17-5953-4511-8d53-8cfc799250e7" providerId="ADAL" clId="{2CCCCBB6-E0A3-43BD-A271-1B182CC636DE}" dt="2023-10-13T08:25:44.622" v="7604" actId="1076"/>
          <ac:picMkLst>
            <pc:docMk/>
            <pc:sldMk cId="1616590868" sldId="588"/>
            <ac:picMk id="34" creationId="{4E1CA2EB-646E-3AFC-3104-C6B64AAEBA10}"/>
          </ac:picMkLst>
        </pc:picChg>
        <pc:picChg chg="add mod">
          <ac:chgData name="Merve Gülmez" userId="3594cd17-5953-4511-8d53-8cfc799250e7" providerId="ADAL" clId="{2CCCCBB6-E0A3-43BD-A271-1B182CC636DE}" dt="2023-10-13T08:28:03.499" v="7611" actId="1076"/>
          <ac:picMkLst>
            <pc:docMk/>
            <pc:sldMk cId="1616590868" sldId="588"/>
            <ac:picMk id="35" creationId="{A80D541A-9F7B-FCBA-0BDA-8D909F9A7638}"/>
          </ac:picMkLst>
        </pc:picChg>
        <pc:cxnChg chg="add del mod">
          <ac:chgData name="Merve Gülmez" userId="3594cd17-5953-4511-8d53-8cfc799250e7" providerId="ADAL" clId="{2CCCCBB6-E0A3-43BD-A271-1B182CC636DE}" dt="2023-10-11T11:57:38.551" v="6295" actId="478"/>
          <ac:cxnSpMkLst>
            <pc:docMk/>
            <pc:sldMk cId="1616590868" sldId="588"/>
            <ac:cxnSpMk id="11" creationId="{B637C313-2B07-F5A3-EC62-0CF66E664C3D}"/>
          </ac:cxnSpMkLst>
        </pc:cxnChg>
        <pc:cxnChg chg="add mod">
          <ac:chgData name="Merve Gülmez" userId="3594cd17-5953-4511-8d53-8cfc799250e7" providerId="ADAL" clId="{2CCCCBB6-E0A3-43BD-A271-1B182CC636DE}" dt="2023-10-13T08:27:52.400" v="7609" actId="14100"/>
          <ac:cxnSpMkLst>
            <pc:docMk/>
            <pc:sldMk cId="1616590868" sldId="588"/>
            <ac:cxnSpMk id="15" creationId="{DD6F9104-0A01-E98A-57BD-1B4758512092}"/>
          </ac:cxnSpMkLst>
        </pc:cxnChg>
        <pc:cxnChg chg="add mod">
          <ac:chgData name="Merve Gülmez" userId="3594cd17-5953-4511-8d53-8cfc799250e7" providerId="ADAL" clId="{2CCCCBB6-E0A3-43BD-A271-1B182CC636DE}" dt="2023-10-13T08:27:46.206" v="7608" actId="1076"/>
          <ac:cxnSpMkLst>
            <pc:docMk/>
            <pc:sldMk cId="1616590868" sldId="588"/>
            <ac:cxnSpMk id="18" creationId="{ECB4C3D9-09ED-A434-5CED-81E68F320B59}"/>
          </ac:cxnSpMkLst>
        </pc:cxnChg>
        <pc:cxnChg chg="add mod">
          <ac:chgData name="Merve Gülmez" userId="3594cd17-5953-4511-8d53-8cfc799250e7" providerId="ADAL" clId="{2CCCCBB6-E0A3-43BD-A271-1B182CC636DE}" dt="2023-10-11T12:01:40.416" v="6354" actId="571"/>
          <ac:cxnSpMkLst>
            <pc:docMk/>
            <pc:sldMk cId="1616590868" sldId="588"/>
            <ac:cxnSpMk id="24" creationId="{27281B43-CE9A-AD9A-393B-A7A9EE36CCDA}"/>
          </ac:cxnSpMkLst>
        </pc:cxnChg>
        <pc:cxnChg chg="add mod">
          <ac:chgData name="Merve Gülmez" userId="3594cd17-5953-4511-8d53-8cfc799250e7" providerId="ADAL" clId="{2CCCCBB6-E0A3-43BD-A271-1B182CC636DE}" dt="2023-10-11T12:01:44.924" v="6356" actId="571"/>
          <ac:cxnSpMkLst>
            <pc:docMk/>
            <pc:sldMk cId="1616590868" sldId="588"/>
            <ac:cxnSpMk id="28" creationId="{4EB110FA-B1B9-743E-DA23-7600569FDD37}"/>
          </ac:cxnSpMkLst>
        </pc:cxnChg>
      </pc:sldChg>
      <pc:sldChg chg="addSp delSp modSp new del mod">
        <pc:chgData name="Merve Gülmez" userId="3594cd17-5953-4511-8d53-8cfc799250e7" providerId="ADAL" clId="{2CCCCBB6-E0A3-43BD-A271-1B182CC636DE}" dt="2023-10-10T05:52:53.730" v="3710" actId="47"/>
        <pc:sldMkLst>
          <pc:docMk/>
          <pc:sldMk cId="2558462464" sldId="588"/>
        </pc:sldMkLst>
        <pc:spChg chg="del">
          <ac:chgData name="Merve Gülmez" userId="3594cd17-5953-4511-8d53-8cfc799250e7" providerId="ADAL" clId="{2CCCCBB6-E0A3-43BD-A271-1B182CC636DE}" dt="2023-10-10T05:52:34.685" v="3706"/>
          <ac:spMkLst>
            <pc:docMk/>
            <pc:sldMk cId="2558462464" sldId="588"/>
            <ac:spMk id="3" creationId="{A12B1341-AC35-0B34-7FF3-930DB2D96F86}"/>
          </ac:spMkLst>
        </pc:spChg>
        <pc:spChg chg="add mod">
          <ac:chgData name="Merve Gülmez" userId="3594cd17-5953-4511-8d53-8cfc799250e7" providerId="ADAL" clId="{2CCCCBB6-E0A3-43BD-A271-1B182CC636DE}" dt="2023-10-10T05:52:51.028" v="3709" actId="478"/>
          <ac:spMkLst>
            <pc:docMk/>
            <pc:sldMk cId="2558462464" sldId="588"/>
            <ac:spMk id="6" creationId="{1290E814-BFDB-B99E-6723-41C8844F8198}"/>
          </ac:spMkLst>
        </pc:spChg>
        <pc:picChg chg="add del mod">
          <ac:chgData name="Merve Gülmez" userId="3594cd17-5953-4511-8d53-8cfc799250e7" providerId="ADAL" clId="{2CCCCBB6-E0A3-43BD-A271-1B182CC636DE}" dt="2023-10-10T05:52:51.028" v="3709" actId="478"/>
          <ac:picMkLst>
            <pc:docMk/>
            <pc:sldMk cId="2558462464" sldId="588"/>
            <ac:picMk id="4" creationId="{CDAEFD79-C406-FE78-9B81-9F35114772B5}"/>
          </ac:picMkLst>
        </pc:picChg>
      </pc:sldChg>
      <pc:sldChg chg="modSp new del mod">
        <pc:chgData name="Merve Gülmez" userId="3594cd17-5953-4511-8d53-8cfc799250e7" providerId="ADAL" clId="{2CCCCBB6-E0A3-43BD-A271-1B182CC636DE}" dt="2023-10-11T11:08:46.858" v="6020" actId="47"/>
        <pc:sldMkLst>
          <pc:docMk/>
          <pc:sldMk cId="3119270802" sldId="589"/>
        </pc:sldMkLst>
        <pc:spChg chg="mod">
          <ac:chgData name="Merve Gülmez" userId="3594cd17-5953-4511-8d53-8cfc799250e7" providerId="ADAL" clId="{2CCCCBB6-E0A3-43BD-A271-1B182CC636DE}" dt="2023-10-10T18:51:42.716" v="4896"/>
          <ac:spMkLst>
            <pc:docMk/>
            <pc:sldMk cId="3119270802" sldId="589"/>
            <ac:spMk id="2" creationId="{400CE11D-46D5-913D-9E8B-3098F8FCEF76}"/>
          </ac:spMkLst>
        </pc:spChg>
      </pc:sldChg>
      <pc:sldChg chg="modSp new del mod ord">
        <pc:chgData name="Merve Gülmez" userId="3594cd17-5953-4511-8d53-8cfc799250e7" providerId="ADAL" clId="{2CCCCBB6-E0A3-43BD-A271-1B182CC636DE}" dt="2023-10-11T11:09:57.188" v="6030" actId="47"/>
        <pc:sldMkLst>
          <pc:docMk/>
          <pc:sldMk cId="1434369526" sldId="590"/>
        </pc:sldMkLst>
        <pc:spChg chg="mod">
          <ac:chgData name="Merve Gülmez" userId="3594cd17-5953-4511-8d53-8cfc799250e7" providerId="ADAL" clId="{2CCCCBB6-E0A3-43BD-A271-1B182CC636DE}" dt="2023-10-10T18:52:16.348" v="4911" actId="20577"/>
          <ac:spMkLst>
            <pc:docMk/>
            <pc:sldMk cId="1434369526" sldId="590"/>
            <ac:spMk id="2" creationId="{BD0C0256-15F8-AB41-7F87-2CCF99E76286}"/>
          </ac:spMkLst>
        </pc:spChg>
      </pc:sldChg>
      <pc:sldChg chg="addSp delSp modSp new mod delAnim modAnim modNotesTx">
        <pc:chgData name="Merve Gülmez" userId="3594cd17-5953-4511-8d53-8cfc799250e7" providerId="ADAL" clId="{2CCCCBB6-E0A3-43BD-A271-1B182CC636DE}" dt="2023-10-19T12:48:51.169" v="10926" actId="207"/>
        <pc:sldMkLst>
          <pc:docMk/>
          <pc:sldMk cId="4137661547" sldId="591"/>
        </pc:sldMkLst>
        <pc:spChg chg="mod">
          <ac:chgData name="Merve Gülmez" userId="3594cd17-5953-4511-8d53-8cfc799250e7" providerId="ADAL" clId="{2CCCCBB6-E0A3-43BD-A271-1B182CC636DE}" dt="2023-10-19T00:24:55.625" v="10186" actId="790"/>
          <ac:spMkLst>
            <pc:docMk/>
            <pc:sldMk cId="4137661547" sldId="591"/>
            <ac:spMk id="2" creationId="{FD1C4F86-C708-68D6-8F5C-ED55A4AFE36A}"/>
          </ac:spMkLst>
        </pc:spChg>
        <pc:spChg chg="mod">
          <ac:chgData name="Merve Gülmez" userId="3594cd17-5953-4511-8d53-8cfc799250e7" providerId="ADAL" clId="{2CCCCBB6-E0A3-43BD-A271-1B182CC636DE}" dt="2023-10-19T12:48:38.013" v="10925" actId="207"/>
          <ac:spMkLst>
            <pc:docMk/>
            <pc:sldMk cId="4137661547" sldId="591"/>
            <ac:spMk id="3" creationId="{E64003E2-BD69-5221-D480-915795DE4131}"/>
          </ac:spMkLst>
        </pc:spChg>
        <pc:spChg chg="add del mod">
          <ac:chgData name="Merve Gülmez" userId="3594cd17-5953-4511-8d53-8cfc799250e7" providerId="ADAL" clId="{2CCCCBB6-E0A3-43BD-A271-1B182CC636DE}" dt="2023-10-11T11:29:54.219" v="6279" actId="478"/>
          <ac:spMkLst>
            <pc:docMk/>
            <pc:sldMk cId="4137661547" sldId="591"/>
            <ac:spMk id="5" creationId="{33753D75-69DC-18B4-D90D-8A6FBC89664A}"/>
          </ac:spMkLst>
        </pc:spChg>
        <pc:spChg chg="add mod">
          <ac:chgData name="Merve Gülmez" userId="3594cd17-5953-4511-8d53-8cfc799250e7" providerId="ADAL" clId="{2CCCCBB6-E0A3-43BD-A271-1B182CC636DE}" dt="2023-10-19T12:48:51.169" v="10926" actId="207"/>
          <ac:spMkLst>
            <pc:docMk/>
            <pc:sldMk cId="4137661547" sldId="591"/>
            <ac:spMk id="6" creationId="{0D487DE5-04F4-91EB-74C9-157C8B9CA4CF}"/>
          </ac:spMkLst>
        </pc:spChg>
        <pc:spChg chg="add mod">
          <ac:chgData name="Merve Gülmez" userId="3594cd17-5953-4511-8d53-8cfc799250e7" providerId="ADAL" clId="{2CCCCBB6-E0A3-43BD-A271-1B182CC636DE}" dt="2023-10-19T00:24:55.632" v="10189"/>
          <ac:spMkLst>
            <pc:docMk/>
            <pc:sldMk cId="4137661547" sldId="591"/>
            <ac:spMk id="7" creationId="{FA845533-B818-DCDD-A44E-07AE69900031}"/>
          </ac:spMkLst>
        </pc:spChg>
        <pc:spChg chg="add del mod">
          <ac:chgData name="Merve Gülmez" userId="3594cd17-5953-4511-8d53-8cfc799250e7" providerId="ADAL" clId="{2CCCCBB6-E0A3-43BD-A271-1B182CC636DE}" dt="2023-10-11T14:48:59.185" v="7197" actId="478"/>
          <ac:spMkLst>
            <pc:docMk/>
            <pc:sldMk cId="4137661547" sldId="591"/>
            <ac:spMk id="8" creationId="{4F3CD150-8541-73DF-C5B8-E159F207D7F8}"/>
          </ac:spMkLst>
        </pc:spChg>
        <pc:spChg chg="add mod">
          <ac:chgData name="Merve Gülmez" userId="3594cd17-5953-4511-8d53-8cfc799250e7" providerId="ADAL" clId="{2CCCCBB6-E0A3-43BD-A271-1B182CC636DE}" dt="2023-10-19T00:24:55.633" v="10190"/>
          <ac:spMkLst>
            <pc:docMk/>
            <pc:sldMk cId="4137661547" sldId="591"/>
            <ac:spMk id="9" creationId="{B5F695DF-14A0-174C-8417-CF2208BE0F43}"/>
          </ac:spMkLst>
        </pc:spChg>
      </pc:sldChg>
      <pc:sldChg chg="addSp modSp new mod ord">
        <pc:chgData name="Merve Gülmez" userId="3594cd17-5953-4511-8d53-8cfc799250e7" providerId="ADAL" clId="{2CCCCBB6-E0A3-43BD-A271-1B182CC636DE}" dt="2023-10-19T00:24:55.663" v="10216" actId="790"/>
        <pc:sldMkLst>
          <pc:docMk/>
          <pc:sldMk cId="1809441404" sldId="592"/>
        </pc:sldMkLst>
        <pc:spChg chg="mod">
          <ac:chgData name="Merve Gülmez" userId="3594cd17-5953-4511-8d53-8cfc799250e7" providerId="ADAL" clId="{2CCCCBB6-E0A3-43BD-A271-1B182CC636DE}" dt="2023-10-19T00:24:55.662" v="10215" actId="790"/>
          <ac:spMkLst>
            <pc:docMk/>
            <pc:sldMk cId="1809441404" sldId="592"/>
            <ac:spMk id="2" creationId="{4031C70B-02EF-B129-EA99-54FA9A5BC3DA}"/>
          </ac:spMkLst>
        </pc:spChg>
        <pc:spChg chg="mod">
          <ac:chgData name="Merve Gülmez" userId="3594cd17-5953-4511-8d53-8cfc799250e7" providerId="ADAL" clId="{2CCCCBB6-E0A3-43BD-A271-1B182CC636DE}" dt="2023-10-19T00:24:55.663" v="10216" actId="790"/>
          <ac:spMkLst>
            <pc:docMk/>
            <pc:sldMk cId="1809441404" sldId="592"/>
            <ac:spMk id="3" creationId="{7D9F9144-2F2F-15DD-F769-CD64B0752756}"/>
          </ac:spMkLst>
        </pc:spChg>
        <pc:picChg chg="add mod">
          <ac:chgData name="Merve Gülmez" userId="3594cd17-5953-4511-8d53-8cfc799250e7" providerId="ADAL" clId="{2CCCCBB6-E0A3-43BD-A271-1B182CC636DE}" dt="2023-10-11T12:24:56.434" v="6540" actId="1076"/>
          <ac:picMkLst>
            <pc:docMk/>
            <pc:sldMk cId="1809441404" sldId="592"/>
            <ac:picMk id="5" creationId="{4560B56D-2F3F-2C96-8E27-E0D6CBEBF383}"/>
          </ac:picMkLst>
        </pc:picChg>
      </pc:sldChg>
      <pc:sldChg chg="modSp new del mod">
        <pc:chgData name="Merve Gülmez" userId="3594cd17-5953-4511-8d53-8cfc799250e7" providerId="ADAL" clId="{2CCCCBB6-E0A3-43BD-A271-1B182CC636DE}" dt="2023-10-11T12:32:31.977" v="6622" actId="47"/>
        <pc:sldMkLst>
          <pc:docMk/>
          <pc:sldMk cId="3270094588" sldId="593"/>
        </pc:sldMkLst>
        <pc:spChg chg="mod">
          <ac:chgData name="Merve Gülmez" userId="3594cd17-5953-4511-8d53-8cfc799250e7" providerId="ADAL" clId="{2CCCCBB6-E0A3-43BD-A271-1B182CC636DE}" dt="2023-10-11T09:43:40.805" v="5407" actId="20577"/>
          <ac:spMkLst>
            <pc:docMk/>
            <pc:sldMk cId="3270094588" sldId="593"/>
            <ac:spMk id="2" creationId="{33A85385-9BF3-F89F-254B-50872C8054B5}"/>
          </ac:spMkLst>
        </pc:spChg>
        <pc:spChg chg="mod">
          <ac:chgData name="Merve Gülmez" userId="3594cd17-5953-4511-8d53-8cfc799250e7" providerId="ADAL" clId="{2CCCCBB6-E0A3-43BD-A271-1B182CC636DE}" dt="2023-10-11T12:31:29.755" v="6607" actId="21"/>
          <ac:spMkLst>
            <pc:docMk/>
            <pc:sldMk cId="3270094588" sldId="593"/>
            <ac:spMk id="3" creationId="{B66BCAF2-CAB4-8841-94C7-EDF2A0FC2D94}"/>
          </ac:spMkLst>
        </pc:spChg>
      </pc:sldChg>
      <pc:sldChg chg="addSp delSp modSp add mod addAnim delAnim modAnim modNotesTx">
        <pc:chgData name="Merve Gülmez" userId="3594cd17-5953-4511-8d53-8cfc799250e7" providerId="ADAL" clId="{2CCCCBB6-E0A3-43BD-A271-1B182CC636DE}" dt="2023-10-19T20:17:11.331" v="10996" actId="1076"/>
        <pc:sldMkLst>
          <pc:docMk/>
          <pc:sldMk cId="1491702298" sldId="594"/>
        </pc:sldMkLst>
        <pc:spChg chg="mod">
          <ac:chgData name="Merve Gülmez" userId="3594cd17-5953-4511-8d53-8cfc799250e7" providerId="ADAL" clId="{2CCCCBB6-E0A3-43BD-A271-1B182CC636DE}" dt="2023-10-19T00:24:55.637" v="10193"/>
          <ac:spMkLst>
            <pc:docMk/>
            <pc:sldMk cId="1491702298" sldId="594"/>
            <ac:spMk id="2" creationId="{2B8373DA-35F8-3FCF-DFF7-3ECE06207691}"/>
          </ac:spMkLst>
        </pc:spChg>
        <pc:spChg chg="add del mod">
          <ac:chgData name="Merve Gülmez" userId="3594cd17-5953-4511-8d53-8cfc799250e7" providerId="ADAL" clId="{2CCCCBB6-E0A3-43BD-A271-1B182CC636DE}" dt="2023-10-13T07:21:05.234" v="7478" actId="478"/>
          <ac:spMkLst>
            <pc:docMk/>
            <pc:sldMk cId="1491702298" sldId="594"/>
            <ac:spMk id="3" creationId="{C318203A-329F-E72A-F5A1-607587AE8E68}"/>
          </ac:spMkLst>
        </pc:spChg>
        <pc:spChg chg="add mod">
          <ac:chgData name="Merve Gülmez" userId="3594cd17-5953-4511-8d53-8cfc799250e7" providerId="ADAL" clId="{2CCCCBB6-E0A3-43BD-A271-1B182CC636DE}" dt="2023-10-19T20:17:11.331" v="10996" actId="1076"/>
          <ac:spMkLst>
            <pc:docMk/>
            <pc:sldMk cId="1491702298" sldId="594"/>
            <ac:spMk id="3" creationId="{C465280E-7794-D836-8953-48B1F92B2560}"/>
          </ac:spMkLst>
        </pc:spChg>
        <pc:spChg chg="add del mod">
          <ac:chgData name="Merve Gülmez" userId="3594cd17-5953-4511-8d53-8cfc799250e7" providerId="ADAL" clId="{2CCCCBB6-E0A3-43BD-A271-1B182CC636DE}" dt="2023-10-19T00:21:06.452" v="10058"/>
          <ac:spMkLst>
            <pc:docMk/>
            <pc:sldMk cId="1491702298" sldId="594"/>
            <ac:spMk id="4" creationId="{1AEE4490-D7B8-2F7F-761B-35EC0D8525DB}"/>
          </ac:spMkLst>
        </pc:spChg>
        <pc:spChg chg="add del mod">
          <ac:chgData name="Merve Gülmez" userId="3594cd17-5953-4511-8d53-8cfc799250e7" providerId="ADAL" clId="{2CCCCBB6-E0A3-43BD-A271-1B182CC636DE}" dt="2023-10-11T12:24:20.896" v="6535" actId="478"/>
          <ac:spMkLst>
            <pc:docMk/>
            <pc:sldMk cId="1491702298" sldId="594"/>
            <ac:spMk id="4" creationId="{5F5F639E-B62D-74D4-4208-66AC400A896F}"/>
          </ac:spMkLst>
        </pc:spChg>
        <pc:spChg chg="del mod">
          <ac:chgData name="Merve Gülmez" userId="3594cd17-5953-4511-8d53-8cfc799250e7" providerId="ADAL" clId="{2CCCCBB6-E0A3-43BD-A271-1B182CC636DE}" dt="2023-10-11T12:21:59.798" v="6464" actId="478"/>
          <ac:spMkLst>
            <pc:docMk/>
            <pc:sldMk cId="1491702298" sldId="594"/>
            <ac:spMk id="6" creationId="{12819780-6BCC-359F-24DB-DD23CBF4E63B}"/>
          </ac:spMkLst>
        </pc:spChg>
        <pc:spChg chg="add del mod">
          <ac:chgData name="Merve Gülmez" userId="3594cd17-5953-4511-8d53-8cfc799250e7" providerId="ADAL" clId="{2CCCCBB6-E0A3-43BD-A271-1B182CC636DE}" dt="2023-10-19T00:21:14.354" v="10063"/>
          <ac:spMkLst>
            <pc:docMk/>
            <pc:sldMk cId="1491702298" sldId="594"/>
            <ac:spMk id="6" creationId="{7DCFB3E7-24A0-FBFB-A8ED-EB3D6F9ECB92}"/>
          </ac:spMkLst>
        </pc:spChg>
        <pc:spChg chg="add del mod">
          <ac:chgData name="Merve Gülmez" userId="3594cd17-5953-4511-8d53-8cfc799250e7" providerId="ADAL" clId="{2CCCCBB6-E0A3-43BD-A271-1B182CC636DE}" dt="2023-10-11T12:28:35.115" v="6574" actId="11529"/>
          <ac:spMkLst>
            <pc:docMk/>
            <pc:sldMk cId="1491702298" sldId="594"/>
            <ac:spMk id="8" creationId="{45F63D4E-88EC-8C74-112C-A2C1D5A1D675}"/>
          </ac:spMkLst>
        </pc:spChg>
        <pc:spChg chg="add del mod">
          <ac:chgData name="Merve Gülmez" userId="3594cd17-5953-4511-8d53-8cfc799250e7" providerId="ADAL" clId="{2CCCCBB6-E0A3-43BD-A271-1B182CC636DE}" dt="2023-10-13T07:22:40.080" v="7490" actId="478"/>
          <ac:spMkLst>
            <pc:docMk/>
            <pc:sldMk cId="1491702298" sldId="594"/>
            <ac:spMk id="12" creationId="{6481ADF8-B873-7F9C-3079-10D3E2C5CF10}"/>
          </ac:spMkLst>
        </pc:spChg>
        <pc:spChg chg="add del mod">
          <ac:chgData name="Merve Gülmez" userId="3594cd17-5953-4511-8d53-8cfc799250e7" providerId="ADAL" clId="{2CCCCBB6-E0A3-43BD-A271-1B182CC636DE}" dt="2023-10-13T08:08:52.913" v="7540" actId="478"/>
          <ac:spMkLst>
            <pc:docMk/>
            <pc:sldMk cId="1491702298" sldId="594"/>
            <ac:spMk id="13" creationId="{9AF26217-F9EE-E67F-C33A-20FD760794C6}"/>
          </ac:spMkLst>
        </pc:spChg>
        <pc:spChg chg="add del mod">
          <ac:chgData name="Merve Gülmez" userId="3594cd17-5953-4511-8d53-8cfc799250e7" providerId="ADAL" clId="{2CCCCBB6-E0A3-43BD-A271-1B182CC636DE}" dt="2023-10-13T09:09:51.914" v="8616" actId="21"/>
          <ac:spMkLst>
            <pc:docMk/>
            <pc:sldMk cId="1491702298" sldId="594"/>
            <ac:spMk id="15" creationId="{F1DA0FF9-CEA5-5F50-7053-42B90FAA33E6}"/>
          </ac:spMkLst>
        </pc:spChg>
        <pc:spChg chg="add mod">
          <ac:chgData name="Merve Gülmez" userId="3594cd17-5953-4511-8d53-8cfc799250e7" providerId="ADAL" clId="{2CCCCBB6-E0A3-43BD-A271-1B182CC636DE}" dt="2023-10-19T00:24:55.638" v="10194"/>
          <ac:spMkLst>
            <pc:docMk/>
            <pc:sldMk cId="1491702298" sldId="594"/>
            <ac:spMk id="16" creationId="{A119F1A7-4EF6-0180-DB7E-405170E8B2AC}"/>
          </ac:spMkLst>
        </pc:spChg>
        <pc:spChg chg="add mod">
          <ac:chgData name="Merve Gülmez" userId="3594cd17-5953-4511-8d53-8cfc799250e7" providerId="ADAL" clId="{2CCCCBB6-E0A3-43BD-A271-1B182CC636DE}" dt="2023-10-19T00:24:55.638" v="10195"/>
          <ac:spMkLst>
            <pc:docMk/>
            <pc:sldMk cId="1491702298" sldId="594"/>
            <ac:spMk id="17" creationId="{0D24704A-D1D8-E4CF-83BB-6318370689D9}"/>
          </ac:spMkLst>
        </pc:spChg>
        <pc:spChg chg="add mod">
          <ac:chgData name="Merve Gülmez" userId="3594cd17-5953-4511-8d53-8cfc799250e7" providerId="ADAL" clId="{2CCCCBB6-E0A3-43BD-A271-1B182CC636DE}" dt="2023-10-19T00:24:55.639" v="10196"/>
          <ac:spMkLst>
            <pc:docMk/>
            <pc:sldMk cId="1491702298" sldId="594"/>
            <ac:spMk id="18" creationId="{49F5D300-78DE-4DD7-B66C-512A319410F9}"/>
          </ac:spMkLst>
        </pc:spChg>
        <pc:spChg chg="add del mod">
          <ac:chgData name="Merve Gülmez" userId="3594cd17-5953-4511-8d53-8cfc799250e7" providerId="ADAL" clId="{2CCCCBB6-E0A3-43BD-A271-1B182CC636DE}" dt="2023-10-13T08:07:43.998" v="7528" actId="478"/>
          <ac:spMkLst>
            <pc:docMk/>
            <pc:sldMk cId="1491702298" sldId="594"/>
            <ac:spMk id="19" creationId="{F470E7B0-7B0D-E7B3-2AB3-03B15FED7953}"/>
          </ac:spMkLst>
        </pc:spChg>
        <pc:spChg chg="add del">
          <ac:chgData name="Merve Gülmez" userId="3594cd17-5953-4511-8d53-8cfc799250e7" providerId="ADAL" clId="{2CCCCBB6-E0A3-43BD-A271-1B182CC636DE}" dt="2023-10-13T08:15:07.094" v="7555" actId="478"/>
          <ac:spMkLst>
            <pc:docMk/>
            <pc:sldMk cId="1491702298" sldId="594"/>
            <ac:spMk id="20" creationId="{A298013E-1FD4-5234-79E7-69D6839EDE5A}"/>
          </ac:spMkLst>
        </pc:spChg>
        <pc:picChg chg="mod">
          <ac:chgData name="Merve Gülmez" userId="3594cd17-5953-4511-8d53-8cfc799250e7" providerId="ADAL" clId="{2CCCCBB6-E0A3-43BD-A271-1B182CC636DE}" dt="2023-10-13T08:01:20.844" v="7496" actId="1076"/>
          <ac:picMkLst>
            <pc:docMk/>
            <pc:sldMk cId="1491702298" sldId="594"/>
            <ac:picMk id="5" creationId="{8776CFD2-E89B-0838-89D5-C00E692D5ADB}"/>
          </ac:picMkLst>
        </pc:picChg>
        <pc:picChg chg="mod">
          <ac:chgData name="Merve Gülmez" userId="3594cd17-5953-4511-8d53-8cfc799250e7" providerId="ADAL" clId="{2CCCCBB6-E0A3-43BD-A271-1B182CC636DE}" dt="2023-10-13T08:02:14.385" v="7515" actId="14100"/>
          <ac:picMkLst>
            <pc:docMk/>
            <pc:sldMk cId="1491702298" sldId="594"/>
            <ac:picMk id="7" creationId="{9545F87A-8D66-0519-2F64-75D722BA5B9D}"/>
          </ac:picMkLst>
        </pc:picChg>
        <pc:picChg chg="mod">
          <ac:chgData name="Merve Gülmez" userId="3594cd17-5953-4511-8d53-8cfc799250e7" providerId="ADAL" clId="{2CCCCBB6-E0A3-43BD-A271-1B182CC636DE}" dt="2023-10-11T12:22:01.682" v="6465" actId="1076"/>
          <ac:picMkLst>
            <pc:docMk/>
            <pc:sldMk cId="1491702298" sldId="594"/>
            <ac:picMk id="9" creationId="{510CD364-2EFA-5440-1D89-82B774A5D149}"/>
          </ac:picMkLst>
        </pc:picChg>
        <pc:picChg chg="mod">
          <ac:chgData name="Merve Gülmez" userId="3594cd17-5953-4511-8d53-8cfc799250e7" providerId="ADAL" clId="{2CCCCBB6-E0A3-43BD-A271-1B182CC636DE}" dt="2023-10-11T12:22:04.864" v="6466" actId="1076"/>
          <ac:picMkLst>
            <pc:docMk/>
            <pc:sldMk cId="1491702298" sldId="594"/>
            <ac:picMk id="11" creationId="{5AD8B969-F09D-122C-F2B2-26A4BFCCEB02}"/>
          </ac:picMkLst>
        </pc:picChg>
      </pc:sldChg>
      <pc:sldChg chg="addSp delSp modSp new mod ord modAnim">
        <pc:chgData name="Merve Gülmez" userId="3594cd17-5953-4511-8d53-8cfc799250e7" providerId="ADAL" clId="{2CCCCBB6-E0A3-43BD-A271-1B182CC636DE}" dt="2023-10-19T00:24:55.588" v="10153"/>
        <pc:sldMkLst>
          <pc:docMk/>
          <pc:sldMk cId="2010854677" sldId="595"/>
        </pc:sldMkLst>
        <pc:spChg chg="mod">
          <ac:chgData name="Merve Gülmez" userId="3594cd17-5953-4511-8d53-8cfc799250e7" providerId="ADAL" clId="{2CCCCBB6-E0A3-43BD-A271-1B182CC636DE}" dt="2023-10-19T00:24:55.578" v="10146"/>
          <ac:spMkLst>
            <pc:docMk/>
            <pc:sldMk cId="2010854677" sldId="595"/>
            <ac:spMk id="2" creationId="{D6553057-24B8-772E-6D34-CED9D8C3096C}"/>
          </ac:spMkLst>
        </pc:spChg>
        <pc:spChg chg="del">
          <ac:chgData name="Merve Gülmez" userId="3594cd17-5953-4511-8d53-8cfc799250e7" providerId="ADAL" clId="{2CCCCBB6-E0A3-43BD-A271-1B182CC636DE}" dt="2023-10-11T13:03:11.857" v="6661" actId="22"/>
          <ac:spMkLst>
            <pc:docMk/>
            <pc:sldMk cId="2010854677" sldId="595"/>
            <ac:spMk id="3" creationId="{D4131181-7E77-DDDA-7B8E-BEB469A3640F}"/>
          </ac:spMkLst>
        </pc:spChg>
        <pc:spChg chg="add mod ord">
          <ac:chgData name="Merve Gülmez" userId="3594cd17-5953-4511-8d53-8cfc799250e7" providerId="ADAL" clId="{2CCCCBB6-E0A3-43BD-A271-1B182CC636DE}" dt="2023-10-19T00:24:55.578" v="10145"/>
          <ac:spMkLst>
            <pc:docMk/>
            <pc:sldMk cId="2010854677" sldId="595"/>
            <ac:spMk id="4" creationId="{3B8790D8-F790-9953-E42D-4F856620BBE3}"/>
          </ac:spMkLst>
        </pc:spChg>
        <pc:spChg chg="add mod">
          <ac:chgData name="Merve Gülmez" userId="3594cd17-5953-4511-8d53-8cfc799250e7" providerId="ADAL" clId="{2CCCCBB6-E0A3-43BD-A271-1B182CC636DE}" dt="2023-10-19T00:24:55.587" v="10150"/>
          <ac:spMkLst>
            <pc:docMk/>
            <pc:sldMk cId="2010854677" sldId="595"/>
            <ac:spMk id="6" creationId="{0FEAE5D6-E911-1119-6E4B-E5861210F02C}"/>
          </ac:spMkLst>
        </pc:spChg>
        <pc:spChg chg="add mod">
          <ac:chgData name="Merve Gülmez" userId="3594cd17-5953-4511-8d53-8cfc799250e7" providerId="ADAL" clId="{2CCCCBB6-E0A3-43BD-A271-1B182CC636DE}" dt="2023-10-19T00:24:55.587" v="10151"/>
          <ac:spMkLst>
            <pc:docMk/>
            <pc:sldMk cId="2010854677" sldId="595"/>
            <ac:spMk id="7" creationId="{C9704C3B-2F36-089B-DFA8-2DDFC1C6EA83}"/>
          </ac:spMkLst>
        </pc:spChg>
        <pc:spChg chg="add del">
          <ac:chgData name="Merve Gülmez" userId="3594cd17-5953-4511-8d53-8cfc799250e7" providerId="ADAL" clId="{2CCCCBB6-E0A3-43BD-A271-1B182CC636DE}" dt="2023-10-11T13:21:59.077" v="6878" actId="22"/>
          <ac:spMkLst>
            <pc:docMk/>
            <pc:sldMk cId="2010854677" sldId="595"/>
            <ac:spMk id="7" creationId="{E3F057EE-5CC8-789F-48A2-F0ABCD910E1A}"/>
          </ac:spMkLst>
        </pc:spChg>
        <pc:spChg chg="add mod">
          <ac:chgData name="Merve Gülmez" userId="3594cd17-5953-4511-8d53-8cfc799250e7" providerId="ADAL" clId="{2CCCCBB6-E0A3-43BD-A271-1B182CC636DE}" dt="2023-10-19T00:24:55.587" v="10152"/>
          <ac:spMkLst>
            <pc:docMk/>
            <pc:sldMk cId="2010854677" sldId="595"/>
            <ac:spMk id="8" creationId="{8B77FE28-79B8-2751-DD28-F8597C41FE1D}"/>
          </ac:spMkLst>
        </pc:spChg>
        <pc:spChg chg="add mod">
          <ac:chgData name="Merve Gülmez" userId="3594cd17-5953-4511-8d53-8cfc799250e7" providerId="ADAL" clId="{2CCCCBB6-E0A3-43BD-A271-1B182CC636DE}" dt="2023-10-19T00:24:55.580" v="10147"/>
          <ac:spMkLst>
            <pc:docMk/>
            <pc:sldMk cId="2010854677" sldId="595"/>
            <ac:spMk id="9" creationId="{CC123C3F-FEEB-7821-CD90-A4F1EE247FC5}"/>
          </ac:spMkLst>
        </pc:spChg>
        <pc:spChg chg="add mod">
          <ac:chgData name="Merve Gülmez" userId="3594cd17-5953-4511-8d53-8cfc799250e7" providerId="ADAL" clId="{2CCCCBB6-E0A3-43BD-A271-1B182CC636DE}" dt="2023-10-19T00:24:55.588" v="10153"/>
          <ac:spMkLst>
            <pc:docMk/>
            <pc:sldMk cId="2010854677" sldId="595"/>
            <ac:spMk id="10" creationId="{47352254-4923-AA46-CD6A-FBB1F9EC579D}"/>
          </ac:spMkLst>
        </pc:spChg>
        <pc:spChg chg="add mod">
          <ac:chgData name="Merve Gülmez" userId="3594cd17-5953-4511-8d53-8cfc799250e7" providerId="ADAL" clId="{2CCCCBB6-E0A3-43BD-A271-1B182CC636DE}" dt="2023-10-19T00:24:55.582" v="10148"/>
          <ac:spMkLst>
            <pc:docMk/>
            <pc:sldMk cId="2010854677" sldId="595"/>
            <ac:spMk id="11" creationId="{DAF2133F-FE21-5850-D56B-364E6DBF7AB2}"/>
          </ac:spMkLst>
        </pc:spChg>
        <pc:spChg chg="add mod">
          <ac:chgData name="Merve Gülmez" userId="3594cd17-5953-4511-8d53-8cfc799250e7" providerId="ADAL" clId="{2CCCCBB6-E0A3-43BD-A271-1B182CC636DE}" dt="2023-10-19T00:24:55.586" v="10149"/>
          <ac:spMkLst>
            <pc:docMk/>
            <pc:sldMk cId="2010854677" sldId="595"/>
            <ac:spMk id="13" creationId="{9940070B-85B5-78E6-1DCF-7E008A4C2146}"/>
          </ac:spMkLst>
        </pc:spChg>
        <pc:spChg chg="add del mod">
          <ac:chgData name="Merve Gülmez" userId="3594cd17-5953-4511-8d53-8cfc799250e7" providerId="ADAL" clId="{2CCCCBB6-E0A3-43BD-A271-1B182CC636DE}" dt="2023-10-18T23:49:45.583" v="9472" actId="478"/>
          <ac:spMkLst>
            <pc:docMk/>
            <pc:sldMk cId="2010854677" sldId="595"/>
            <ac:spMk id="14" creationId="{39AA9E66-1ECD-7143-5197-F22C9EB0D3C4}"/>
          </ac:spMkLst>
        </pc:spChg>
        <pc:picChg chg="add del mod ord">
          <ac:chgData name="Merve Gülmez" userId="3594cd17-5953-4511-8d53-8cfc799250e7" providerId="ADAL" clId="{2CCCCBB6-E0A3-43BD-A271-1B182CC636DE}" dt="2023-10-18T23:49:23.558" v="9469" actId="478"/>
          <ac:picMkLst>
            <pc:docMk/>
            <pc:sldMk cId="2010854677" sldId="595"/>
            <ac:picMk id="5" creationId="{5C4AD580-703F-75B7-9F04-6B1B05DAFCB3}"/>
          </ac:picMkLst>
        </pc:picChg>
      </pc:sldChg>
      <pc:sldChg chg="modSp new mod modAnim">
        <pc:chgData name="Merve Gülmez" userId="3594cd17-5953-4511-8d53-8cfc799250e7" providerId="ADAL" clId="{2CCCCBB6-E0A3-43BD-A271-1B182CC636DE}" dt="2023-10-19T20:17:07.747" v="10990" actId="20577"/>
        <pc:sldMkLst>
          <pc:docMk/>
          <pc:sldMk cId="4193420268" sldId="596"/>
        </pc:sldMkLst>
        <pc:spChg chg="mod">
          <ac:chgData name="Merve Gülmez" userId="3594cd17-5953-4511-8d53-8cfc799250e7" providerId="ADAL" clId="{2CCCCBB6-E0A3-43BD-A271-1B182CC636DE}" dt="2023-10-19T17:58:21.843" v="10954" actId="20577"/>
          <ac:spMkLst>
            <pc:docMk/>
            <pc:sldMk cId="4193420268" sldId="596"/>
            <ac:spMk id="2" creationId="{BC682BC7-B552-DF80-2E3F-C6F633FA7462}"/>
          </ac:spMkLst>
        </pc:spChg>
        <pc:spChg chg="mod">
          <ac:chgData name="Merve Gülmez" userId="3594cd17-5953-4511-8d53-8cfc799250e7" providerId="ADAL" clId="{2CCCCBB6-E0A3-43BD-A271-1B182CC636DE}" dt="2023-10-19T18:00:38.994" v="10979" actId="20577"/>
          <ac:spMkLst>
            <pc:docMk/>
            <pc:sldMk cId="4193420268" sldId="596"/>
            <ac:spMk id="3" creationId="{876FDCB6-DE8E-1C9F-43BF-94ECB208D9CB}"/>
          </ac:spMkLst>
        </pc:spChg>
      </pc:sldChg>
      <pc:sldChg chg="addSp delSp modSp add mod modAnim">
        <pc:chgData name="Merve Gülmez" userId="3594cd17-5953-4511-8d53-8cfc799250e7" providerId="ADAL" clId="{2CCCCBB6-E0A3-43BD-A271-1B182CC636DE}" dt="2023-10-19T20:17:10.788" v="10995" actId="13822"/>
        <pc:sldMkLst>
          <pc:docMk/>
          <pc:sldMk cId="2176558286" sldId="597"/>
        </pc:sldMkLst>
        <pc:spChg chg="mod">
          <ac:chgData name="Merve Gülmez" userId="3594cd17-5953-4511-8d53-8cfc799250e7" providerId="ADAL" clId="{2CCCCBB6-E0A3-43BD-A271-1B182CC636DE}" dt="2023-10-19T00:24:55.589" v="10154"/>
          <ac:spMkLst>
            <pc:docMk/>
            <pc:sldMk cId="2176558286" sldId="597"/>
            <ac:spMk id="2" creationId="{585734A3-2D83-4583-BB70-FB7D4792311D}"/>
          </ac:spMkLst>
        </pc:spChg>
        <pc:spChg chg="add mod">
          <ac:chgData name="Merve Gülmez" userId="3594cd17-5953-4511-8d53-8cfc799250e7" providerId="ADAL" clId="{2CCCCBB6-E0A3-43BD-A271-1B182CC636DE}" dt="2023-10-19T13:00:35.532" v="10940" actId="113"/>
          <ac:spMkLst>
            <pc:docMk/>
            <pc:sldMk cId="2176558286" sldId="597"/>
            <ac:spMk id="3" creationId="{C7488F70-3DCF-C127-A61E-B4B043DB617B}"/>
          </ac:spMkLst>
        </pc:spChg>
        <pc:spChg chg="mod">
          <ac:chgData name="Merve Gülmez" userId="3594cd17-5953-4511-8d53-8cfc799250e7" providerId="ADAL" clId="{2CCCCBB6-E0A3-43BD-A271-1B182CC636DE}" dt="2023-10-19T00:24:55.590" v="10156"/>
          <ac:spMkLst>
            <pc:docMk/>
            <pc:sldMk cId="2176558286" sldId="597"/>
            <ac:spMk id="4" creationId="{126CDA89-55C9-ED3A-5C17-9CAEA6F05237}"/>
          </ac:spMkLst>
        </pc:spChg>
        <pc:spChg chg="mod">
          <ac:chgData name="Merve Gülmez" userId="3594cd17-5953-4511-8d53-8cfc799250e7" providerId="ADAL" clId="{2CCCCBB6-E0A3-43BD-A271-1B182CC636DE}" dt="2023-10-19T00:24:55.592" v="10157"/>
          <ac:spMkLst>
            <pc:docMk/>
            <pc:sldMk cId="2176558286" sldId="597"/>
            <ac:spMk id="8" creationId="{FFD89B22-1EC8-5D7A-6661-669A7CFC3678}"/>
          </ac:spMkLst>
        </pc:spChg>
        <pc:spChg chg="mod">
          <ac:chgData name="Merve Gülmez" userId="3594cd17-5953-4511-8d53-8cfc799250e7" providerId="ADAL" clId="{2CCCCBB6-E0A3-43BD-A271-1B182CC636DE}" dt="2023-10-19T00:24:55.593" v="10158"/>
          <ac:spMkLst>
            <pc:docMk/>
            <pc:sldMk cId="2176558286" sldId="597"/>
            <ac:spMk id="9" creationId="{8ED9F2D2-B91E-FA4D-A8E5-77DDCD2C146F}"/>
          </ac:spMkLst>
        </pc:spChg>
        <pc:spChg chg="mod">
          <ac:chgData name="Merve Gülmez" userId="3594cd17-5953-4511-8d53-8cfc799250e7" providerId="ADAL" clId="{2CCCCBB6-E0A3-43BD-A271-1B182CC636DE}" dt="2023-10-19T00:24:55.593" v="10159"/>
          <ac:spMkLst>
            <pc:docMk/>
            <pc:sldMk cId="2176558286" sldId="597"/>
            <ac:spMk id="11" creationId="{48E9B4F1-40C1-ADBA-C5D0-CFC1D794A5BD}"/>
          </ac:spMkLst>
        </pc:spChg>
        <pc:spChg chg="mod">
          <ac:chgData name="Merve Gülmez" userId="3594cd17-5953-4511-8d53-8cfc799250e7" providerId="ADAL" clId="{2CCCCBB6-E0A3-43BD-A271-1B182CC636DE}" dt="2023-10-19T00:24:55.595" v="10160"/>
          <ac:spMkLst>
            <pc:docMk/>
            <pc:sldMk cId="2176558286" sldId="597"/>
            <ac:spMk id="12" creationId="{843D3F5A-827D-732C-E5A5-EFC7816343FC}"/>
          </ac:spMkLst>
        </pc:spChg>
        <pc:spChg chg="mod">
          <ac:chgData name="Merve Gülmez" userId="3594cd17-5953-4511-8d53-8cfc799250e7" providerId="ADAL" clId="{2CCCCBB6-E0A3-43BD-A271-1B182CC636DE}" dt="2023-10-19T00:24:55.595" v="10161"/>
          <ac:spMkLst>
            <pc:docMk/>
            <pc:sldMk cId="2176558286" sldId="597"/>
            <ac:spMk id="13" creationId="{05BC7A4D-FC1B-B55F-FEAA-D7B0E5513320}"/>
          </ac:spMkLst>
        </pc:spChg>
        <pc:spChg chg="mod">
          <ac:chgData name="Merve Gülmez" userId="3594cd17-5953-4511-8d53-8cfc799250e7" providerId="ADAL" clId="{2CCCCBB6-E0A3-43BD-A271-1B182CC636DE}" dt="2023-10-19T00:24:55.596" v="10162"/>
          <ac:spMkLst>
            <pc:docMk/>
            <pc:sldMk cId="2176558286" sldId="597"/>
            <ac:spMk id="14" creationId="{9585670C-9160-0E6B-CB3F-6BB17FF84F9A}"/>
          </ac:spMkLst>
        </pc:spChg>
        <pc:spChg chg="mod">
          <ac:chgData name="Merve Gülmez" userId="3594cd17-5953-4511-8d53-8cfc799250e7" providerId="ADAL" clId="{2CCCCBB6-E0A3-43BD-A271-1B182CC636DE}" dt="2023-10-19T00:24:55.597" v="10163"/>
          <ac:spMkLst>
            <pc:docMk/>
            <pc:sldMk cId="2176558286" sldId="597"/>
            <ac:spMk id="15" creationId="{369F7E9B-7B72-1121-776F-CE63EED5CFDA}"/>
          </ac:spMkLst>
        </pc:spChg>
        <pc:spChg chg="mod">
          <ac:chgData name="Merve Gülmez" userId="3594cd17-5953-4511-8d53-8cfc799250e7" providerId="ADAL" clId="{2CCCCBB6-E0A3-43BD-A271-1B182CC636DE}" dt="2023-10-19T00:24:55.598" v="10164"/>
          <ac:spMkLst>
            <pc:docMk/>
            <pc:sldMk cId="2176558286" sldId="597"/>
            <ac:spMk id="16" creationId="{514AF02B-ED57-9023-E80B-9471C7B8490C}"/>
          </ac:spMkLst>
        </pc:spChg>
        <pc:spChg chg="mod">
          <ac:chgData name="Merve Gülmez" userId="3594cd17-5953-4511-8d53-8cfc799250e7" providerId="ADAL" clId="{2CCCCBB6-E0A3-43BD-A271-1B182CC636DE}" dt="2023-10-19T00:24:55.600" v="10165"/>
          <ac:spMkLst>
            <pc:docMk/>
            <pc:sldMk cId="2176558286" sldId="597"/>
            <ac:spMk id="25" creationId="{612053A5-6009-2EFA-C3D4-767C163B2B2B}"/>
          </ac:spMkLst>
        </pc:spChg>
        <pc:spChg chg="mod">
          <ac:chgData name="Merve Gülmez" userId="3594cd17-5953-4511-8d53-8cfc799250e7" providerId="ADAL" clId="{2CCCCBB6-E0A3-43BD-A271-1B182CC636DE}" dt="2023-10-19T00:24:55.600" v="10166"/>
          <ac:spMkLst>
            <pc:docMk/>
            <pc:sldMk cId="2176558286" sldId="597"/>
            <ac:spMk id="26" creationId="{A20E916B-264E-F1C1-D736-97BCE57DD6B2}"/>
          </ac:spMkLst>
        </pc:spChg>
        <pc:spChg chg="mod">
          <ac:chgData name="Merve Gülmez" userId="3594cd17-5953-4511-8d53-8cfc799250e7" providerId="ADAL" clId="{2CCCCBB6-E0A3-43BD-A271-1B182CC636DE}" dt="2023-10-19T00:24:55.601" v="10167"/>
          <ac:spMkLst>
            <pc:docMk/>
            <pc:sldMk cId="2176558286" sldId="597"/>
            <ac:spMk id="27" creationId="{32DBB8C2-3925-4E97-BB64-3321EC4144B3}"/>
          </ac:spMkLst>
        </pc:spChg>
        <pc:spChg chg="mod">
          <ac:chgData name="Merve Gülmez" userId="3594cd17-5953-4511-8d53-8cfc799250e7" providerId="ADAL" clId="{2CCCCBB6-E0A3-43BD-A271-1B182CC636DE}" dt="2023-10-19T00:24:55.604" v="10168"/>
          <ac:spMkLst>
            <pc:docMk/>
            <pc:sldMk cId="2176558286" sldId="597"/>
            <ac:spMk id="28" creationId="{EA93954E-C08D-F3EF-4FF5-A61B83EAB803}"/>
          </ac:spMkLst>
        </pc:spChg>
        <pc:spChg chg="mod">
          <ac:chgData name="Merve Gülmez" userId="3594cd17-5953-4511-8d53-8cfc799250e7" providerId="ADAL" clId="{2CCCCBB6-E0A3-43BD-A271-1B182CC636DE}" dt="2023-10-19T00:24:55.609" v="10169"/>
          <ac:spMkLst>
            <pc:docMk/>
            <pc:sldMk cId="2176558286" sldId="597"/>
            <ac:spMk id="29" creationId="{FD05A629-101E-05EB-2686-68417CEB5228}"/>
          </ac:spMkLst>
        </pc:spChg>
        <pc:spChg chg="mod">
          <ac:chgData name="Merve Gülmez" userId="3594cd17-5953-4511-8d53-8cfc799250e7" providerId="ADAL" clId="{2CCCCBB6-E0A3-43BD-A271-1B182CC636DE}" dt="2023-10-19T20:17:10.788" v="10995" actId="13822"/>
          <ac:spMkLst>
            <pc:docMk/>
            <pc:sldMk cId="2176558286" sldId="597"/>
            <ac:spMk id="30" creationId="{2949715E-85C0-BE7A-CAA1-E92235AE07AF}"/>
          </ac:spMkLst>
        </pc:spChg>
        <pc:spChg chg="mod">
          <ac:chgData name="Merve Gülmez" userId="3594cd17-5953-4511-8d53-8cfc799250e7" providerId="ADAL" clId="{2CCCCBB6-E0A3-43BD-A271-1B182CC636DE}" dt="2023-10-19T20:17:09.517" v="10994" actId="13822"/>
          <ac:spMkLst>
            <pc:docMk/>
            <pc:sldMk cId="2176558286" sldId="597"/>
            <ac:spMk id="32" creationId="{8AC09999-0B62-838E-10F1-94D54FC98881}"/>
          </ac:spMkLst>
        </pc:spChg>
        <pc:spChg chg="mod">
          <ac:chgData name="Merve Gülmez" userId="3594cd17-5953-4511-8d53-8cfc799250e7" providerId="ADAL" clId="{2CCCCBB6-E0A3-43BD-A271-1B182CC636DE}" dt="2023-10-19T00:24:55.612" v="10172"/>
          <ac:spMkLst>
            <pc:docMk/>
            <pc:sldMk cId="2176558286" sldId="597"/>
            <ac:spMk id="34" creationId="{D856ED8E-1D71-BB24-3AA3-F7BA82D6DB96}"/>
          </ac:spMkLst>
        </pc:spChg>
        <pc:spChg chg="mod">
          <ac:chgData name="Merve Gülmez" userId="3594cd17-5953-4511-8d53-8cfc799250e7" providerId="ADAL" clId="{2CCCCBB6-E0A3-43BD-A271-1B182CC636DE}" dt="2023-10-19T00:24:55.613" v="10173"/>
          <ac:spMkLst>
            <pc:docMk/>
            <pc:sldMk cId="2176558286" sldId="597"/>
            <ac:spMk id="48" creationId="{4165CDEF-3B5D-0A0C-19F3-90B248C3236B}"/>
          </ac:spMkLst>
        </pc:spChg>
        <pc:spChg chg="mod">
          <ac:chgData name="Merve Gülmez" userId="3594cd17-5953-4511-8d53-8cfc799250e7" providerId="ADAL" clId="{2CCCCBB6-E0A3-43BD-A271-1B182CC636DE}" dt="2023-10-19T00:24:55.590" v="10155"/>
          <ac:spMkLst>
            <pc:docMk/>
            <pc:sldMk cId="2176558286" sldId="597"/>
            <ac:spMk id="61" creationId="{15941AD8-E53D-E11C-9279-329699C2A0C7}"/>
          </ac:spMkLst>
        </pc:spChg>
        <pc:spChg chg="mod">
          <ac:chgData name="Merve Gülmez" userId="3594cd17-5953-4511-8d53-8cfc799250e7" providerId="ADAL" clId="{2CCCCBB6-E0A3-43BD-A271-1B182CC636DE}" dt="2023-10-19T00:24:55.614" v="10174"/>
          <ac:spMkLst>
            <pc:docMk/>
            <pc:sldMk cId="2176558286" sldId="597"/>
            <ac:spMk id="102" creationId="{6DD1F6FF-4029-2643-29A3-FE9FE43C284A}"/>
          </ac:spMkLst>
        </pc:spChg>
        <pc:spChg chg="mod">
          <ac:chgData name="Merve Gülmez" userId="3594cd17-5953-4511-8d53-8cfc799250e7" providerId="ADAL" clId="{2CCCCBB6-E0A3-43BD-A271-1B182CC636DE}" dt="2023-10-19T00:24:55.615" v="10175"/>
          <ac:spMkLst>
            <pc:docMk/>
            <pc:sldMk cId="2176558286" sldId="597"/>
            <ac:spMk id="106" creationId="{0458C78C-70A4-DBD1-CDE9-D223A740970B}"/>
          </ac:spMkLst>
        </pc:spChg>
        <pc:spChg chg="mod">
          <ac:chgData name="Merve Gülmez" userId="3594cd17-5953-4511-8d53-8cfc799250e7" providerId="ADAL" clId="{2CCCCBB6-E0A3-43BD-A271-1B182CC636DE}" dt="2023-10-19T00:24:55.615" v="10176"/>
          <ac:spMkLst>
            <pc:docMk/>
            <pc:sldMk cId="2176558286" sldId="597"/>
            <ac:spMk id="132" creationId="{3DBF5ABD-8793-0D5F-DD9E-F768B13B0061}"/>
          </ac:spMkLst>
        </pc:spChg>
        <pc:spChg chg="mod">
          <ac:chgData name="Merve Gülmez" userId="3594cd17-5953-4511-8d53-8cfc799250e7" providerId="ADAL" clId="{2CCCCBB6-E0A3-43BD-A271-1B182CC636DE}" dt="2023-10-19T00:24:55.616" v="10177"/>
          <ac:spMkLst>
            <pc:docMk/>
            <pc:sldMk cId="2176558286" sldId="597"/>
            <ac:spMk id="133" creationId="{35537688-119B-718D-3973-A02B432E855F}"/>
          </ac:spMkLst>
        </pc:spChg>
        <pc:spChg chg="mod">
          <ac:chgData name="Merve Gülmez" userId="3594cd17-5953-4511-8d53-8cfc799250e7" providerId="ADAL" clId="{2CCCCBB6-E0A3-43BD-A271-1B182CC636DE}" dt="2023-10-19T00:24:55.617" v="10178"/>
          <ac:spMkLst>
            <pc:docMk/>
            <pc:sldMk cId="2176558286" sldId="597"/>
            <ac:spMk id="134" creationId="{E1D03005-AB91-1000-4FFD-E100E1BC2657}"/>
          </ac:spMkLst>
        </pc:spChg>
        <pc:spChg chg="mod">
          <ac:chgData name="Merve Gülmez" userId="3594cd17-5953-4511-8d53-8cfc799250e7" providerId="ADAL" clId="{2CCCCBB6-E0A3-43BD-A271-1B182CC636DE}" dt="2023-10-19T00:24:55.617" v="10179"/>
          <ac:spMkLst>
            <pc:docMk/>
            <pc:sldMk cId="2176558286" sldId="597"/>
            <ac:spMk id="135" creationId="{76266646-DE7A-9B6B-9CD3-8DFEF7B5EA88}"/>
          </ac:spMkLst>
        </pc:spChg>
        <pc:spChg chg="del">
          <ac:chgData name="Merve Gülmez" userId="3594cd17-5953-4511-8d53-8cfc799250e7" providerId="ADAL" clId="{2CCCCBB6-E0A3-43BD-A271-1B182CC636DE}" dt="2023-10-19T00:18:23.196" v="10041" actId="478"/>
          <ac:spMkLst>
            <pc:docMk/>
            <pc:sldMk cId="2176558286" sldId="597"/>
            <ac:spMk id="140" creationId="{C88DBF66-68C7-7BC7-D203-D4A3D2A97C92}"/>
          </ac:spMkLst>
        </pc:spChg>
        <pc:picChg chg="del">
          <ac:chgData name="Merve Gülmez" userId="3594cd17-5953-4511-8d53-8cfc799250e7" providerId="ADAL" clId="{2CCCCBB6-E0A3-43BD-A271-1B182CC636DE}" dt="2023-10-19T00:18:23.196" v="10041" actId="478"/>
          <ac:picMkLst>
            <pc:docMk/>
            <pc:sldMk cId="2176558286" sldId="597"/>
            <ac:picMk id="5" creationId="{D003DACE-1F82-511E-DC22-88357266FA93}"/>
          </ac:picMkLst>
        </pc:picChg>
        <pc:picChg chg="del">
          <ac:chgData name="Merve Gülmez" userId="3594cd17-5953-4511-8d53-8cfc799250e7" providerId="ADAL" clId="{2CCCCBB6-E0A3-43BD-A271-1B182CC636DE}" dt="2023-10-19T00:18:23.196" v="10041" actId="478"/>
          <ac:picMkLst>
            <pc:docMk/>
            <pc:sldMk cId="2176558286" sldId="597"/>
            <ac:picMk id="96" creationId="{625D73BF-1D63-0F79-EA03-62FC7875CE9C}"/>
          </ac:picMkLst>
        </pc:picChg>
        <pc:picChg chg="del">
          <ac:chgData name="Merve Gülmez" userId="3594cd17-5953-4511-8d53-8cfc799250e7" providerId="ADAL" clId="{2CCCCBB6-E0A3-43BD-A271-1B182CC636DE}" dt="2023-10-19T00:18:23.196" v="10041" actId="478"/>
          <ac:picMkLst>
            <pc:docMk/>
            <pc:sldMk cId="2176558286" sldId="597"/>
            <ac:picMk id="137" creationId="{B1EB9D80-9C7D-1F38-5C2E-BB76161EA849}"/>
          </ac:picMkLst>
        </pc:picChg>
      </pc:sldChg>
      <pc:sldChg chg="new del">
        <pc:chgData name="Merve Gülmez" userId="3594cd17-5953-4511-8d53-8cfc799250e7" providerId="ADAL" clId="{2CCCCBB6-E0A3-43BD-A271-1B182CC636DE}" dt="2023-10-18T23:15:59.123" v="8839" actId="680"/>
        <pc:sldMkLst>
          <pc:docMk/>
          <pc:sldMk cId="2332170287" sldId="597"/>
        </pc:sldMkLst>
      </pc:sldChg>
      <pc:sldChg chg="addSp delSp modSp add mod ord delAnim modAnim">
        <pc:chgData name="Merve Gülmez" userId="3594cd17-5953-4511-8d53-8cfc799250e7" providerId="ADAL" clId="{2CCCCBB6-E0A3-43BD-A271-1B182CC636DE}" dt="2023-10-19T20:17:08.522" v="10992" actId="20577"/>
        <pc:sldMkLst>
          <pc:docMk/>
          <pc:sldMk cId="2174694874" sldId="598"/>
        </pc:sldMkLst>
        <pc:spChg chg="mod">
          <ac:chgData name="Merve Gülmez" userId="3594cd17-5953-4511-8d53-8cfc799250e7" providerId="ADAL" clId="{2CCCCBB6-E0A3-43BD-A271-1B182CC636DE}" dt="2023-10-19T00:24:55.549" v="10123"/>
          <ac:spMkLst>
            <pc:docMk/>
            <pc:sldMk cId="2174694874" sldId="598"/>
            <ac:spMk id="2" creationId="{585734A3-2D83-4583-BB70-FB7D4792311D}"/>
          </ac:spMkLst>
        </pc:spChg>
        <pc:spChg chg="del mod">
          <ac:chgData name="Merve Gülmez" userId="3594cd17-5953-4511-8d53-8cfc799250e7" providerId="ADAL" clId="{2CCCCBB6-E0A3-43BD-A271-1B182CC636DE}" dt="2023-10-19T00:05:57.100" v="9891" actId="478"/>
          <ac:spMkLst>
            <pc:docMk/>
            <pc:sldMk cId="2174694874" sldId="598"/>
            <ac:spMk id="4" creationId="{126CDA89-55C9-ED3A-5C17-9CAEA6F05237}"/>
          </ac:spMkLst>
        </pc:spChg>
        <pc:spChg chg="add del mod">
          <ac:chgData name="Merve Gülmez" userId="3594cd17-5953-4511-8d53-8cfc799250e7" providerId="ADAL" clId="{2CCCCBB6-E0A3-43BD-A271-1B182CC636DE}" dt="2023-10-19T00:05:38.998" v="9888" actId="21"/>
          <ac:spMkLst>
            <pc:docMk/>
            <pc:sldMk cId="2174694874" sldId="598"/>
            <ac:spMk id="6" creationId="{9BDF411E-F9D5-3206-0B05-AA7B294F66B4}"/>
          </ac:spMkLst>
        </pc:spChg>
        <pc:spChg chg="mod">
          <ac:chgData name="Merve Gülmez" userId="3594cd17-5953-4511-8d53-8cfc799250e7" providerId="ADAL" clId="{2CCCCBB6-E0A3-43BD-A271-1B182CC636DE}" dt="2023-10-19T00:24:55.550" v="10125"/>
          <ac:spMkLst>
            <pc:docMk/>
            <pc:sldMk cId="2174694874" sldId="598"/>
            <ac:spMk id="8" creationId="{FFD89B22-1EC8-5D7A-6661-669A7CFC3678}"/>
          </ac:spMkLst>
        </pc:spChg>
        <pc:spChg chg="mod">
          <ac:chgData name="Merve Gülmez" userId="3594cd17-5953-4511-8d53-8cfc799250e7" providerId="ADAL" clId="{2CCCCBB6-E0A3-43BD-A271-1B182CC636DE}" dt="2023-10-19T00:24:55.550" v="10126"/>
          <ac:spMkLst>
            <pc:docMk/>
            <pc:sldMk cId="2174694874" sldId="598"/>
            <ac:spMk id="9" creationId="{8ED9F2D2-B91E-FA4D-A8E5-77DDCD2C146F}"/>
          </ac:spMkLst>
        </pc:spChg>
        <pc:spChg chg="mod">
          <ac:chgData name="Merve Gülmez" userId="3594cd17-5953-4511-8d53-8cfc799250e7" providerId="ADAL" clId="{2CCCCBB6-E0A3-43BD-A271-1B182CC636DE}" dt="2023-10-19T00:24:55.551" v="10127"/>
          <ac:spMkLst>
            <pc:docMk/>
            <pc:sldMk cId="2174694874" sldId="598"/>
            <ac:spMk id="11" creationId="{48E9B4F1-40C1-ADBA-C5D0-CFC1D794A5BD}"/>
          </ac:spMkLst>
        </pc:spChg>
        <pc:spChg chg="mod">
          <ac:chgData name="Merve Gülmez" userId="3594cd17-5953-4511-8d53-8cfc799250e7" providerId="ADAL" clId="{2CCCCBB6-E0A3-43BD-A271-1B182CC636DE}" dt="2023-10-19T00:24:55.552" v="10128"/>
          <ac:spMkLst>
            <pc:docMk/>
            <pc:sldMk cId="2174694874" sldId="598"/>
            <ac:spMk id="12" creationId="{843D3F5A-827D-732C-E5A5-EFC7816343FC}"/>
          </ac:spMkLst>
        </pc:spChg>
        <pc:spChg chg="mod">
          <ac:chgData name="Merve Gülmez" userId="3594cd17-5953-4511-8d53-8cfc799250e7" providerId="ADAL" clId="{2CCCCBB6-E0A3-43BD-A271-1B182CC636DE}" dt="2023-10-19T00:24:55.553" v="10129"/>
          <ac:spMkLst>
            <pc:docMk/>
            <pc:sldMk cId="2174694874" sldId="598"/>
            <ac:spMk id="13" creationId="{05BC7A4D-FC1B-B55F-FEAA-D7B0E5513320}"/>
          </ac:spMkLst>
        </pc:spChg>
        <pc:spChg chg="del">
          <ac:chgData name="Merve Gülmez" userId="3594cd17-5953-4511-8d53-8cfc799250e7" providerId="ADAL" clId="{2CCCCBB6-E0A3-43BD-A271-1B182CC636DE}" dt="2023-10-18T23:23:27.830" v="9010" actId="478"/>
          <ac:spMkLst>
            <pc:docMk/>
            <pc:sldMk cId="2174694874" sldId="598"/>
            <ac:spMk id="14" creationId="{9585670C-9160-0E6B-CB3F-6BB17FF84F9A}"/>
          </ac:spMkLst>
        </pc:spChg>
        <pc:spChg chg="mod">
          <ac:chgData name="Merve Gülmez" userId="3594cd17-5953-4511-8d53-8cfc799250e7" providerId="ADAL" clId="{2CCCCBB6-E0A3-43BD-A271-1B182CC636DE}" dt="2023-10-19T00:24:55.553" v="10130"/>
          <ac:spMkLst>
            <pc:docMk/>
            <pc:sldMk cId="2174694874" sldId="598"/>
            <ac:spMk id="15" creationId="{369F7E9B-7B72-1121-776F-CE63EED5CFDA}"/>
          </ac:spMkLst>
        </pc:spChg>
        <pc:spChg chg="del">
          <ac:chgData name="Merve Gülmez" userId="3594cd17-5953-4511-8d53-8cfc799250e7" providerId="ADAL" clId="{2CCCCBB6-E0A3-43BD-A271-1B182CC636DE}" dt="2023-10-18T23:23:27.830" v="9010" actId="478"/>
          <ac:spMkLst>
            <pc:docMk/>
            <pc:sldMk cId="2174694874" sldId="598"/>
            <ac:spMk id="16" creationId="{514AF02B-ED57-9023-E80B-9471C7B8490C}"/>
          </ac:spMkLst>
        </pc:spChg>
        <pc:spChg chg="add mod">
          <ac:chgData name="Merve Gülmez" userId="3594cd17-5953-4511-8d53-8cfc799250e7" providerId="ADAL" clId="{2CCCCBB6-E0A3-43BD-A271-1B182CC636DE}" dt="2023-10-19T16:11:26.356" v="10948" actId="20577"/>
          <ac:spMkLst>
            <pc:docMk/>
            <pc:sldMk cId="2174694874" sldId="598"/>
            <ac:spMk id="17" creationId="{18180E7D-C49C-ACE9-9147-EC8794C44E8E}"/>
          </ac:spMkLst>
        </pc:spChg>
        <pc:spChg chg="del">
          <ac:chgData name="Merve Gülmez" userId="3594cd17-5953-4511-8d53-8cfc799250e7" providerId="ADAL" clId="{2CCCCBB6-E0A3-43BD-A271-1B182CC636DE}" dt="2023-10-18T23:24:10.210" v="9015" actId="478"/>
          <ac:spMkLst>
            <pc:docMk/>
            <pc:sldMk cId="2174694874" sldId="598"/>
            <ac:spMk id="25" creationId="{612053A5-6009-2EFA-C3D4-767C163B2B2B}"/>
          </ac:spMkLst>
        </pc:spChg>
        <pc:spChg chg="mod">
          <ac:chgData name="Merve Gülmez" userId="3594cd17-5953-4511-8d53-8cfc799250e7" providerId="ADAL" clId="{2CCCCBB6-E0A3-43BD-A271-1B182CC636DE}" dt="2023-10-19T00:24:55.555" v="10131"/>
          <ac:spMkLst>
            <pc:docMk/>
            <pc:sldMk cId="2174694874" sldId="598"/>
            <ac:spMk id="26" creationId="{A20E916B-264E-F1C1-D736-97BCE57DD6B2}"/>
          </ac:spMkLst>
        </pc:spChg>
        <pc:spChg chg="mod">
          <ac:chgData name="Merve Gülmez" userId="3594cd17-5953-4511-8d53-8cfc799250e7" providerId="ADAL" clId="{2CCCCBB6-E0A3-43BD-A271-1B182CC636DE}" dt="2023-10-19T00:24:55.556" v="10132"/>
          <ac:spMkLst>
            <pc:docMk/>
            <pc:sldMk cId="2174694874" sldId="598"/>
            <ac:spMk id="27" creationId="{32DBB8C2-3925-4E97-BB64-3321EC4144B3}"/>
          </ac:spMkLst>
        </pc:spChg>
        <pc:spChg chg="mod">
          <ac:chgData name="Merve Gülmez" userId="3594cd17-5953-4511-8d53-8cfc799250e7" providerId="ADAL" clId="{2CCCCBB6-E0A3-43BD-A271-1B182CC636DE}" dt="2023-10-19T00:24:55.559" v="10133"/>
          <ac:spMkLst>
            <pc:docMk/>
            <pc:sldMk cId="2174694874" sldId="598"/>
            <ac:spMk id="28" creationId="{EA93954E-C08D-F3EF-4FF5-A61B83EAB803}"/>
          </ac:spMkLst>
        </pc:spChg>
        <pc:spChg chg="mod">
          <ac:chgData name="Merve Gülmez" userId="3594cd17-5953-4511-8d53-8cfc799250e7" providerId="ADAL" clId="{2CCCCBB6-E0A3-43BD-A271-1B182CC636DE}" dt="2023-10-19T00:24:55.560" v="10134"/>
          <ac:spMkLst>
            <pc:docMk/>
            <pc:sldMk cId="2174694874" sldId="598"/>
            <ac:spMk id="29" creationId="{FD05A629-101E-05EB-2686-68417CEB5228}"/>
          </ac:spMkLst>
        </pc:spChg>
        <pc:spChg chg="mod">
          <ac:chgData name="Merve Gülmez" userId="3594cd17-5953-4511-8d53-8cfc799250e7" providerId="ADAL" clId="{2CCCCBB6-E0A3-43BD-A271-1B182CC636DE}" dt="2023-10-19T20:11:22.703" v="10981" actId="13822"/>
          <ac:spMkLst>
            <pc:docMk/>
            <pc:sldMk cId="2174694874" sldId="598"/>
            <ac:spMk id="30" creationId="{2949715E-85C0-BE7A-CAA1-E92235AE07AF}"/>
          </ac:spMkLst>
        </pc:spChg>
        <pc:spChg chg="del">
          <ac:chgData name="Merve Gülmez" userId="3594cd17-5953-4511-8d53-8cfc799250e7" providerId="ADAL" clId="{2CCCCBB6-E0A3-43BD-A271-1B182CC636DE}" dt="2023-10-18T23:23:27.830" v="9010" actId="478"/>
          <ac:spMkLst>
            <pc:docMk/>
            <pc:sldMk cId="2174694874" sldId="598"/>
            <ac:spMk id="32" creationId="{8AC09999-0B62-838E-10F1-94D54FC98881}"/>
          </ac:spMkLst>
        </pc:spChg>
        <pc:spChg chg="mod">
          <ac:chgData name="Merve Gülmez" userId="3594cd17-5953-4511-8d53-8cfc799250e7" providerId="ADAL" clId="{2CCCCBB6-E0A3-43BD-A271-1B182CC636DE}" dt="2023-10-19T00:24:55.561" v="10136"/>
          <ac:spMkLst>
            <pc:docMk/>
            <pc:sldMk cId="2174694874" sldId="598"/>
            <ac:spMk id="34" creationId="{D856ED8E-1D71-BB24-3AA3-F7BA82D6DB96}"/>
          </ac:spMkLst>
        </pc:spChg>
        <pc:spChg chg="add mod">
          <ac:chgData name="Merve Gülmez" userId="3594cd17-5953-4511-8d53-8cfc799250e7" providerId="ADAL" clId="{2CCCCBB6-E0A3-43BD-A271-1B182CC636DE}" dt="2023-10-19T00:24:55.573" v="10144"/>
          <ac:spMkLst>
            <pc:docMk/>
            <pc:sldMk cId="2174694874" sldId="598"/>
            <ac:spMk id="36" creationId="{D1E168EF-8CF8-01A9-52C5-01AC996C1817}"/>
          </ac:spMkLst>
        </pc:spChg>
        <pc:spChg chg="add mod">
          <ac:chgData name="Merve Gülmez" userId="3594cd17-5953-4511-8d53-8cfc799250e7" providerId="ADAL" clId="{2CCCCBB6-E0A3-43BD-A271-1B182CC636DE}" dt="2023-10-19T00:08:53.091" v="9931" actId="164"/>
          <ac:spMkLst>
            <pc:docMk/>
            <pc:sldMk cId="2174694874" sldId="598"/>
            <ac:spMk id="37" creationId="{BD1A6A1C-F41F-D9CE-AF33-FA47312EA542}"/>
          </ac:spMkLst>
        </pc:spChg>
        <pc:spChg chg="mod">
          <ac:chgData name="Merve Gülmez" userId="3594cd17-5953-4511-8d53-8cfc799250e7" providerId="ADAL" clId="{2CCCCBB6-E0A3-43BD-A271-1B182CC636DE}" dt="2023-10-19T00:24:55.562" v="10137"/>
          <ac:spMkLst>
            <pc:docMk/>
            <pc:sldMk cId="2174694874" sldId="598"/>
            <ac:spMk id="48" creationId="{4165CDEF-3B5D-0A0C-19F3-90B248C3236B}"/>
          </ac:spMkLst>
        </pc:spChg>
        <pc:spChg chg="mod">
          <ac:chgData name="Merve Gülmez" userId="3594cd17-5953-4511-8d53-8cfc799250e7" providerId="ADAL" clId="{2CCCCBB6-E0A3-43BD-A271-1B182CC636DE}" dt="2023-10-19T00:24:55.549" v="10124"/>
          <ac:spMkLst>
            <pc:docMk/>
            <pc:sldMk cId="2174694874" sldId="598"/>
            <ac:spMk id="61" creationId="{15941AD8-E53D-E11C-9279-329699C2A0C7}"/>
          </ac:spMkLst>
        </pc:spChg>
        <pc:spChg chg="mod">
          <ac:chgData name="Merve Gülmez" userId="3594cd17-5953-4511-8d53-8cfc799250e7" providerId="ADAL" clId="{2CCCCBB6-E0A3-43BD-A271-1B182CC636DE}" dt="2023-10-19T00:24:55.563" v="10138"/>
          <ac:spMkLst>
            <pc:docMk/>
            <pc:sldMk cId="2174694874" sldId="598"/>
            <ac:spMk id="102" creationId="{6DD1F6FF-4029-2643-29A3-FE9FE43C284A}"/>
          </ac:spMkLst>
        </pc:spChg>
        <pc:spChg chg="del">
          <ac:chgData name="Merve Gülmez" userId="3594cd17-5953-4511-8d53-8cfc799250e7" providerId="ADAL" clId="{2CCCCBB6-E0A3-43BD-A271-1B182CC636DE}" dt="2023-10-18T23:23:27.830" v="9010" actId="478"/>
          <ac:spMkLst>
            <pc:docMk/>
            <pc:sldMk cId="2174694874" sldId="598"/>
            <ac:spMk id="106" creationId="{0458C78C-70A4-DBD1-CDE9-D223A740970B}"/>
          </ac:spMkLst>
        </pc:spChg>
        <pc:spChg chg="mod">
          <ac:chgData name="Merve Gülmez" userId="3594cd17-5953-4511-8d53-8cfc799250e7" providerId="ADAL" clId="{2CCCCBB6-E0A3-43BD-A271-1B182CC636DE}" dt="2023-10-19T00:24:55.565" v="10139"/>
          <ac:spMkLst>
            <pc:docMk/>
            <pc:sldMk cId="2174694874" sldId="598"/>
            <ac:spMk id="132" creationId="{3DBF5ABD-8793-0D5F-DD9E-F768B13B0061}"/>
          </ac:spMkLst>
        </pc:spChg>
        <pc:spChg chg="mod">
          <ac:chgData name="Merve Gülmez" userId="3594cd17-5953-4511-8d53-8cfc799250e7" providerId="ADAL" clId="{2CCCCBB6-E0A3-43BD-A271-1B182CC636DE}" dt="2023-10-19T00:24:55.566" v="10140"/>
          <ac:spMkLst>
            <pc:docMk/>
            <pc:sldMk cId="2174694874" sldId="598"/>
            <ac:spMk id="133" creationId="{35537688-119B-718D-3973-A02B432E855F}"/>
          </ac:spMkLst>
        </pc:spChg>
        <pc:spChg chg="mod">
          <ac:chgData name="Merve Gülmez" userId="3594cd17-5953-4511-8d53-8cfc799250e7" providerId="ADAL" clId="{2CCCCBB6-E0A3-43BD-A271-1B182CC636DE}" dt="2023-10-19T00:24:55.567" v="10141"/>
          <ac:spMkLst>
            <pc:docMk/>
            <pc:sldMk cId="2174694874" sldId="598"/>
            <ac:spMk id="134" creationId="{E1D03005-AB91-1000-4FFD-E100E1BC2657}"/>
          </ac:spMkLst>
        </pc:spChg>
        <pc:spChg chg="mod">
          <ac:chgData name="Merve Gülmez" userId="3594cd17-5953-4511-8d53-8cfc799250e7" providerId="ADAL" clId="{2CCCCBB6-E0A3-43BD-A271-1B182CC636DE}" dt="2023-10-19T00:24:55.569" v="10142"/>
          <ac:spMkLst>
            <pc:docMk/>
            <pc:sldMk cId="2174694874" sldId="598"/>
            <ac:spMk id="135" creationId="{76266646-DE7A-9B6B-9CD3-8DFEF7B5EA88}"/>
          </ac:spMkLst>
        </pc:spChg>
        <pc:spChg chg="del">
          <ac:chgData name="Merve Gülmez" userId="3594cd17-5953-4511-8d53-8cfc799250e7" providerId="ADAL" clId="{2CCCCBB6-E0A3-43BD-A271-1B182CC636DE}" dt="2023-10-19T00:06:30.337" v="9892" actId="478"/>
          <ac:spMkLst>
            <pc:docMk/>
            <pc:sldMk cId="2174694874" sldId="598"/>
            <ac:spMk id="140" creationId="{C88DBF66-68C7-7BC7-D203-D4A3D2A97C92}"/>
          </ac:spMkLst>
        </pc:spChg>
        <pc:grpChg chg="add mod">
          <ac:chgData name="Merve Gülmez" userId="3594cd17-5953-4511-8d53-8cfc799250e7" providerId="ADAL" clId="{2CCCCBB6-E0A3-43BD-A271-1B182CC636DE}" dt="2023-10-19T00:09:08.507" v="9934" actId="1076"/>
          <ac:grpSpMkLst>
            <pc:docMk/>
            <pc:sldMk cId="2174694874" sldId="598"/>
            <ac:grpSpMk id="39" creationId="{199FC236-AA13-8335-91B0-0E47C50E3E49}"/>
          </ac:grpSpMkLst>
        </pc:grpChg>
        <pc:picChg chg="del">
          <ac:chgData name="Merve Gülmez" userId="3594cd17-5953-4511-8d53-8cfc799250e7" providerId="ADAL" clId="{2CCCCBB6-E0A3-43BD-A271-1B182CC636DE}" dt="2023-10-19T00:06:30.337" v="9892" actId="478"/>
          <ac:picMkLst>
            <pc:docMk/>
            <pc:sldMk cId="2174694874" sldId="598"/>
            <ac:picMk id="5" creationId="{D003DACE-1F82-511E-DC22-88357266FA93}"/>
          </ac:picMkLst>
        </pc:picChg>
        <pc:picChg chg="add del mod">
          <ac:chgData name="Merve Gülmez" userId="3594cd17-5953-4511-8d53-8cfc799250e7" providerId="ADAL" clId="{2CCCCBB6-E0A3-43BD-A271-1B182CC636DE}" dt="2023-10-19T00:05:38.998" v="9888" actId="21"/>
          <ac:picMkLst>
            <pc:docMk/>
            <pc:sldMk cId="2174694874" sldId="598"/>
            <ac:picMk id="10" creationId="{0240718C-62E5-6774-6F0A-BA5C77A3DC18}"/>
          </ac:picMkLst>
        </pc:picChg>
        <pc:picChg chg="add del mod">
          <ac:chgData name="Merve Gülmez" userId="3594cd17-5953-4511-8d53-8cfc799250e7" providerId="ADAL" clId="{2CCCCBB6-E0A3-43BD-A271-1B182CC636DE}" dt="2023-10-19T00:07:47.513" v="9908" actId="21"/>
          <ac:picMkLst>
            <pc:docMk/>
            <pc:sldMk cId="2174694874" sldId="598"/>
            <ac:picMk id="19" creationId="{6A30DA73-3354-2B2B-89E3-244C6D9B99AC}"/>
          </ac:picMkLst>
        </pc:picChg>
        <pc:picChg chg="add mod">
          <ac:chgData name="Merve Gülmez" userId="3594cd17-5953-4511-8d53-8cfc799250e7" providerId="ADAL" clId="{2CCCCBB6-E0A3-43BD-A271-1B182CC636DE}" dt="2023-10-19T00:08:53.091" v="9931" actId="164"/>
          <ac:picMkLst>
            <pc:docMk/>
            <pc:sldMk cId="2174694874" sldId="598"/>
            <ac:picMk id="38" creationId="{869807A4-2940-51D6-F2F4-B9DD78B25C9C}"/>
          </ac:picMkLst>
        </pc:picChg>
        <pc:picChg chg="del">
          <ac:chgData name="Merve Gülmez" userId="3594cd17-5953-4511-8d53-8cfc799250e7" providerId="ADAL" clId="{2CCCCBB6-E0A3-43BD-A271-1B182CC636DE}" dt="2023-10-19T00:06:30.337" v="9892" actId="478"/>
          <ac:picMkLst>
            <pc:docMk/>
            <pc:sldMk cId="2174694874" sldId="598"/>
            <ac:picMk id="96" creationId="{625D73BF-1D63-0F79-EA03-62FC7875CE9C}"/>
          </ac:picMkLst>
        </pc:picChg>
        <pc:picChg chg="del">
          <ac:chgData name="Merve Gülmez" userId="3594cd17-5953-4511-8d53-8cfc799250e7" providerId="ADAL" clId="{2CCCCBB6-E0A3-43BD-A271-1B182CC636DE}" dt="2023-10-19T00:06:30.337" v="9892" actId="478"/>
          <ac:picMkLst>
            <pc:docMk/>
            <pc:sldMk cId="2174694874" sldId="598"/>
            <ac:picMk id="137" creationId="{B1EB9D80-9C7D-1F38-5C2E-BB76161EA849}"/>
          </ac:picMkLst>
        </pc:picChg>
        <pc:cxnChg chg="del mod">
          <ac:chgData name="Merve Gülmez" userId="3594cd17-5953-4511-8d53-8cfc799250e7" providerId="ADAL" clId="{2CCCCBB6-E0A3-43BD-A271-1B182CC636DE}" dt="2023-10-18T23:24:06.837" v="9014" actId="478"/>
          <ac:cxnSpMkLst>
            <pc:docMk/>
            <pc:sldMk cId="2174694874" sldId="598"/>
            <ac:cxnSpMk id="20" creationId="{FA8C8B23-F518-B20B-4E46-313D7C06A9EB}"/>
          </ac:cxnSpMkLst>
        </pc:cxnChg>
        <pc:cxnChg chg="del mod">
          <ac:chgData name="Merve Gülmez" userId="3594cd17-5953-4511-8d53-8cfc799250e7" providerId="ADAL" clId="{2CCCCBB6-E0A3-43BD-A271-1B182CC636DE}" dt="2023-10-18T23:23:27.830" v="9010" actId="478"/>
          <ac:cxnSpMkLst>
            <pc:docMk/>
            <pc:sldMk cId="2174694874" sldId="598"/>
            <ac:cxnSpMk id="21" creationId="{2AABAF91-DEFB-F1BC-939B-FA4679E60323}"/>
          </ac:cxnSpMkLst>
        </pc:cxnChg>
        <pc:cxnChg chg="del">
          <ac:chgData name="Merve Gülmez" userId="3594cd17-5953-4511-8d53-8cfc799250e7" providerId="ADAL" clId="{2CCCCBB6-E0A3-43BD-A271-1B182CC636DE}" dt="2023-10-18T23:23:27.830" v="9010" actId="478"/>
          <ac:cxnSpMkLst>
            <pc:docMk/>
            <pc:sldMk cId="2174694874" sldId="598"/>
            <ac:cxnSpMk id="33" creationId="{5C325B4A-89A4-CC07-1848-090671D16BCC}"/>
          </ac:cxnSpMkLst>
        </pc:cxnChg>
        <pc:cxnChg chg="del mod">
          <ac:chgData name="Merve Gülmez" userId="3594cd17-5953-4511-8d53-8cfc799250e7" providerId="ADAL" clId="{2CCCCBB6-E0A3-43BD-A271-1B182CC636DE}" dt="2023-10-18T23:23:27.830" v="9010" actId="478"/>
          <ac:cxnSpMkLst>
            <pc:docMk/>
            <pc:sldMk cId="2174694874" sldId="598"/>
            <ac:cxnSpMk id="107" creationId="{65662F45-98DA-B74E-B834-E806FA302004}"/>
          </ac:cxnSpMkLst>
        </pc:cxnChg>
      </pc:sldChg>
      <pc:sldMasterChg chg="modSp mod modSldLayout">
        <pc:chgData name="Merve Gülmez" userId="3594cd17-5953-4511-8d53-8cfc799250e7" providerId="ADAL" clId="{2CCCCBB6-E0A3-43BD-A271-1B182CC636DE}" dt="2023-10-19T00:24:56.905" v="10617"/>
        <pc:sldMasterMkLst>
          <pc:docMk/>
          <pc:sldMasterMk cId="2523064765" sldId="2147483660"/>
        </pc:sldMasterMkLst>
        <pc:spChg chg="mod">
          <ac:chgData name="Merve Gülmez" userId="3594cd17-5953-4511-8d53-8cfc799250e7" providerId="ADAL" clId="{2CCCCBB6-E0A3-43BD-A271-1B182CC636DE}" dt="2023-10-19T00:24:56.493" v="10494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Gülmez" userId="3594cd17-5953-4511-8d53-8cfc799250e7" providerId="ADAL" clId="{2CCCCBB6-E0A3-43BD-A271-1B182CC636DE}" dt="2023-10-19T00:24:56.488" v="10493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Gülmez" userId="3594cd17-5953-4511-8d53-8cfc799250e7" providerId="ADAL" clId="{2CCCCBB6-E0A3-43BD-A271-1B182CC636DE}" dt="2023-10-19T00:24:56.567" v="1049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Gülmez" userId="3594cd17-5953-4511-8d53-8cfc799250e7" providerId="ADAL" clId="{2CCCCBB6-E0A3-43BD-A271-1B182CC636DE}" dt="2023-10-19T00:24:55.759" v="10285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567" v="1049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Gülmez" userId="3594cd17-5953-4511-8d53-8cfc799250e7" providerId="ADAL" clId="{2CCCCBB6-E0A3-43BD-A271-1B182CC636DE}" dt="2023-10-19T00:24:55.785" v="10289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Gülmez" userId="3594cd17-5953-4511-8d53-8cfc799250e7" providerId="ADAL" clId="{2CCCCBB6-E0A3-43BD-A271-1B182CC636DE}" dt="2023-10-19T00:24:55.745" v="10282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Gülmez" userId="3594cd17-5953-4511-8d53-8cfc799250e7" providerId="ADAL" clId="{2CCCCBB6-E0A3-43BD-A271-1B182CC636DE}" dt="2023-10-19T00:24:55.763" v="10286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766" v="10287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753" v="10284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750" v="10283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583" v="10503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Gülmez" userId="3594cd17-5953-4511-8d53-8cfc799250e7" providerId="ADAL" clId="{2CCCCBB6-E0A3-43BD-A271-1B182CC636DE}" dt="2023-10-19T00:24:55.811" v="10298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Gülmez" userId="3594cd17-5953-4511-8d53-8cfc799250e7" providerId="ADAL" clId="{2CCCCBB6-E0A3-43BD-A271-1B182CC636DE}" dt="2023-10-19T00:24:56.583" v="10503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Gülmez" userId="3594cd17-5953-4511-8d53-8cfc799250e7" providerId="ADAL" clId="{2CCCCBB6-E0A3-43BD-A271-1B182CC636DE}" dt="2023-10-19T00:24:55.813" v="10299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Gülmez" userId="3594cd17-5953-4511-8d53-8cfc799250e7" providerId="ADAL" clId="{2CCCCBB6-E0A3-43BD-A271-1B182CC636DE}" dt="2023-10-19T00:24:55.816" v="10300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Gülmez" userId="3594cd17-5953-4511-8d53-8cfc799250e7" providerId="ADAL" clId="{2CCCCBB6-E0A3-43BD-A271-1B182CC636DE}" dt="2023-10-19T00:24:55.820" v="10302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593" v="10506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Gülmez" userId="3594cd17-5953-4511-8d53-8cfc799250e7" providerId="ADAL" clId="{2CCCCBB6-E0A3-43BD-A271-1B182CC636DE}" dt="2023-10-19T00:24:56.593" v="10506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Gülmez" userId="3594cd17-5953-4511-8d53-8cfc799250e7" providerId="ADAL" clId="{2CCCCBB6-E0A3-43BD-A271-1B182CC636DE}" dt="2023-10-19T00:24:55.827" v="10304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Gülmez" userId="3594cd17-5953-4511-8d53-8cfc799250e7" providerId="ADAL" clId="{2CCCCBB6-E0A3-43BD-A271-1B182CC636DE}" dt="2023-10-19T00:24:55.829" v="10305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Gülmez" userId="3594cd17-5953-4511-8d53-8cfc799250e7" providerId="ADAL" clId="{2CCCCBB6-E0A3-43BD-A271-1B182CC636DE}" dt="2023-10-19T00:24:55.833" v="10307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Gülmez" userId="3594cd17-5953-4511-8d53-8cfc799250e7" providerId="ADAL" clId="{2CCCCBB6-E0A3-43BD-A271-1B182CC636DE}" dt="2023-10-19T00:24:55.824" v="10303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00" v="10509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Gülmez" userId="3594cd17-5953-4511-8d53-8cfc799250e7" providerId="ADAL" clId="{2CCCCBB6-E0A3-43BD-A271-1B182CC636DE}" dt="2023-10-19T00:24:55.835" v="10308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00" v="10509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Gülmez" userId="3594cd17-5953-4511-8d53-8cfc799250e7" providerId="ADAL" clId="{2CCCCBB6-E0A3-43BD-A271-1B182CC636DE}" dt="2023-10-19T00:24:55.847" v="10312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Gülmez" userId="3594cd17-5953-4511-8d53-8cfc799250e7" providerId="ADAL" clId="{2CCCCBB6-E0A3-43BD-A271-1B182CC636DE}" dt="2023-10-19T00:24:55.839" v="10309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Gülmez" userId="3594cd17-5953-4511-8d53-8cfc799250e7" providerId="ADAL" clId="{2CCCCBB6-E0A3-43BD-A271-1B182CC636DE}" dt="2023-10-19T00:24:55.843" v="10310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08" v="10512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Gülmez" userId="3594cd17-5953-4511-8d53-8cfc799250e7" providerId="ADAL" clId="{2CCCCBB6-E0A3-43BD-A271-1B182CC636DE}" dt="2023-10-19T00:24:55.849" v="10313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08" v="10512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Gülmez" userId="3594cd17-5953-4511-8d53-8cfc799250e7" providerId="ADAL" clId="{2CCCCBB6-E0A3-43BD-A271-1B182CC636DE}" dt="2023-10-19T00:24:55.860" v="10317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Gülmez" userId="3594cd17-5953-4511-8d53-8cfc799250e7" providerId="ADAL" clId="{2CCCCBB6-E0A3-43BD-A271-1B182CC636DE}" dt="2023-10-19T00:24:55.851" v="10314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Gülmez" userId="3594cd17-5953-4511-8d53-8cfc799250e7" providerId="ADAL" clId="{2CCCCBB6-E0A3-43BD-A271-1B182CC636DE}" dt="2023-10-19T00:24:55.853" v="10315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16" v="10515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Gülmez" userId="3594cd17-5953-4511-8d53-8cfc799250e7" providerId="ADAL" clId="{2CCCCBB6-E0A3-43BD-A271-1B182CC636DE}" dt="2023-10-19T00:24:55.862" v="10318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16" v="10515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Gülmez" userId="3594cd17-5953-4511-8d53-8cfc799250e7" providerId="ADAL" clId="{2CCCCBB6-E0A3-43BD-A271-1B182CC636DE}" dt="2023-10-19T00:24:55.873" v="10322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Gülmez" userId="3594cd17-5953-4511-8d53-8cfc799250e7" providerId="ADAL" clId="{2CCCCBB6-E0A3-43BD-A271-1B182CC636DE}" dt="2023-10-19T00:24:55.865" v="10319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Gülmez" userId="3594cd17-5953-4511-8d53-8cfc799250e7" providerId="ADAL" clId="{2CCCCBB6-E0A3-43BD-A271-1B182CC636DE}" dt="2023-10-19T00:24:55.868" v="10320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25" v="10518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Gülmez" userId="3594cd17-5953-4511-8d53-8cfc799250e7" providerId="ADAL" clId="{2CCCCBB6-E0A3-43BD-A271-1B182CC636DE}" dt="2023-10-19T00:24:55.876" v="10323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25" v="10518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Gülmez" userId="3594cd17-5953-4511-8d53-8cfc799250e7" providerId="ADAL" clId="{2CCCCBB6-E0A3-43BD-A271-1B182CC636DE}" dt="2023-10-19T00:24:55.886" v="10327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Gülmez" userId="3594cd17-5953-4511-8d53-8cfc799250e7" providerId="ADAL" clId="{2CCCCBB6-E0A3-43BD-A271-1B182CC636DE}" dt="2023-10-19T00:24:55.879" v="10324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Gülmez" userId="3594cd17-5953-4511-8d53-8cfc799250e7" providerId="ADAL" clId="{2CCCCBB6-E0A3-43BD-A271-1B182CC636DE}" dt="2023-10-19T00:24:55.881" v="10325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32" v="10521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Gülmez" userId="3594cd17-5953-4511-8d53-8cfc799250e7" providerId="ADAL" clId="{2CCCCBB6-E0A3-43BD-A271-1B182CC636DE}" dt="2023-10-19T00:24:55.888" v="10328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32" v="10521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Gülmez" userId="3594cd17-5953-4511-8d53-8cfc799250e7" providerId="ADAL" clId="{2CCCCBB6-E0A3-43BD-A271-1B182CC636DE}" dt="2023-10-19T00:24:55.900" v="10332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Gülmez" userId="3594cd17-5953-4511-8d53-8cfc799250e7" providerId="ADAL" clId="{2CCCCBB6-E0A3-43BD-A271-1B182CC636DE}" dt="2023-10-19T00:24:55.892" v="10329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Gülmez" userId="3594cd17-5953-4511-8d53-8cfc799250e7" providerId="ADAL" clId="{2CCCCBB6-E0A3-43BD-A271-1B182CC636DE}" dt="2023-10-19T00:24:55.895" v="10330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41" v="10524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Gülmez" userId="3594cd17-5953-4511-8d53-8cfc799250e7" providerId="ADAL" clId="{2CCCCBB6-E0A3-43BD-A271-1B182CC636DE}" dt="2023-10-19T00:24:55.903" v="10333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41" v="10524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Gülmez" userId="3594cd17-5953-4511-8d53-8cfc799250e7" providerId="ADAL" clId="{2CCCCBB6-E0A3-43BD-A271-1B182CC636DE}" dt="2023-10-19T00:24:55.915" v="10337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Gülmez" userId="3594cd17-5953-4511-8d53-8cfc799250e7" providerId="ADAL" clId="{2CCCCBB6-E0A3-43BD-A271-1B182CC636DE}" dt="2023-10-19T00:24:55.908" v="10334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Gülmez" userId="3594cd17-5953-4511-8d53-8cfc799250e7" providerId="ADAL" clId="{2CCCCBB6-E0A3-43BD-A271-1B182CC636DE}" dt="2023-10-19T00:24:55.910" v="10335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48" v="1052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Gülmez" userId="3594cd17-5953-4511-8d53-8cfc799250e7" providerId="ADAL" clId="{2CCCCBB6-E0A3-43BD-A271-1B182CC636DE}" dt="2023-10-19T00:24:56.648" v="1052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Gülmez" userId="3594cd17-5953-4511-8d53-8cfc799250e7" providerId="ADAL" clId="{2CCCCBB6-E0A3-43BD-A271-1B182CC636DE}" dt="2023-10-19T00:24:55.931" v="10341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Gülmez" userId="3594cd17-5953-4511-8d53-8cfc799250e7" providerId="ADAL" clId="{2CCCCBB6-E0A3-43BD-A271-1B182CC636DE}" dt="2023-10-19T00:24:55.920" v="10338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Gülmez" userId="3594cd17-5953-4511-8d53-8cfc799250e7" providerId="ADAL" clId="{2CCCCBB6-E0A3-43BD-A271-1B182CC636DE}" dt="2023-10-19T00:24:55.925" v="10339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54" v="10530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Gülmez" userId="3594cd17-5953-4511-8d53-8cfc799250e7" providerId="ADAL" clId="{2CCCCBB6-E0A3-43BD-A271-1B182CC636DE}" dt="2023-10-19T00:24:56.654" v="10530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Gülmez" userId="3594cd17-5953-4511-8d53-8cfc799250e7" providerId="ADAL" clId="{2CCCCBB6-E0A3-43BD-A271-1B182CC636DE}" dt="2023-10-19T00:24:55.936" v="10344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Gülmez" userId="3594cd17-5953-4511-8d53-8cfc799250e7" providerId="ADAL" clId="{2CCCCBB6-E0A3-43BD-A271-1B182CC636DE}" dt="2023-10-19T00:24:55.933" v="10342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72" v="10536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Gülmez" userId="3594cd17-5953-4511-8d53-8cfc799250e7" providerId="ADAL" clId="{2CCCCBB6-E0A3-43BD-A271-1B182CC636DE}" dt="2023-10-19T00:24:56.672" v="10536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Gülmez" userId="3594cd17-5953-4511-8d53-8cfc799250e7" providerId="ADAL" clId="{2CCCCBB6-E0A3-43BD-A271-1B182CC636DE}" dt="2023-10-19T00:24:55.946" v="10347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951" v="10349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36" v="10560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Gülmez" userId="3594cd17-5953-4511-8d53-8cfc799250e7" providerId="ADAL" clId="{2CCCCBB6-E0A3-43BD-A271-1B182CC636DE}" dt="2023-10-19T00:24:56.027" v="10379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Gülmez" userId="3594cd17-5953-4511-8d53-8cfc799250e7" providerId="ADAL" clId="{2CCCCBB6-E0A3-43BD-A271-1B182CC636DE}" dt="2023-10-19T00:24:56.022" v="10378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36" v="10560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Gülmez" userId="3594cd17-5953-4511-8d53-8cfc799250e7" providerId="ADAL" clId="{2CCCCBB6-E0A3-43BD-A271-1B182CC636DE}" dt="2023-10-19T00:24:56.032" v="10381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06" v="10581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Gülmez" userId="3594cd17-5953-4511-8d53-8cfc799250e7" providerId="ADAL" clId="{2CCCCBB6-E0A3-43BD-A271-1B182CC636DE}" dt="2023-10-19T00:24:56.129" v="10409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34" v="10410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25" v="10408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Gülmez" userId="3594cd17-5953-4511-8d53-8cfc799250e7" providerId="ADAL" clId="{2CCCCBB6-E0A3-43BD-A271-1B182CC636DE}" dt="2023-10-19T00:24:56.806" v="10581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Gülmez" userId="3594cd17-5953-4511-8d53-8cfc799250e7" providerId="ADAL" clId="{2CCCCBB6-E0A3-43BD-A271-1B182CC636DE}" dt="2023-10-19T00:24:56.141" v="10412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14" v="10584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Gülmez" userId="3594cd17-5953-4511-8d53-8cfc799250e7" providerId="ADAL" clId="{2CCCCBB6-E0A3-43BD-A271-1B182CC636DE}" dt="2023-10-19T00:24:56.157" v="10415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44" v="10413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Gülmez" userId="3594cd17-5953-4511-8d53-8cfc799250e7" providerId="ADAL" clId="{2CCCCBB6-E0A3-43BD-A271-1B182CC636DE}" dt="2023-10-19T00:24:56.151" v="10414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14" v="10584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Gülmez" userId="3594cd17-5953-4511-8d53-8cfc799250e7" providerId="ADAL" clId="{2CCCCBB6-E0A3-43BD-A271-1B182CC636DE}" dt="2023-10-19T00:24:56.164" v="10417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63" v="10602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Gülmez" userId="3594cd17-5953-4511-8d53-8cfc799250e7" providerId="ADAL" clId="{2CCCCBB6-E0A3-43BD-A271-1B182CC636DE}" dt="2023-10-19T00:24:56.280" v="10445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83" v="10446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76" v="10444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Gülmez" userId="3594cd17-5953-4511-8d53-8cfc799250e7" providerId="ADAL" clId="{2CCCCBB6-E0A3-43BD-A271-1B182CC636DE}" dt="2023-10-19T00:24:56.287" v="10447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63" v="10602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Gülmez" userId="3594cd17-5953-4511-8d53-8cfc799250e7" providerId="ADAL" clId="{2CCCCBB6-E0A3-43BD-A271-1B182CC636DE}" dt="2023-10-19T00:24:56.295" v="10449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71" v="10605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Gülmez" userId="3594cd17-5953-4511-8d53-8cfc799250e7" providerId="ADAL" clId="{2CCCCBB6-E0A3-43BD-A271-1B182CC636DE}" dt="2023-10-19T00:24:56.302" v="10451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08" v="10452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97" v="10450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Gülmez" userId="3594cd17-5953-4511-8d53-8cfc799250e7" providerId="ADAL" clId="{2CCCCBB6-E0A3-43BD-A271-1B182CC636DE}" dt="2023-10-19T00:24:56.313" v="10453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19" v="10454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71" v="10605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Gülmez" userId="3594cd17-5953-4511-8d53-8cfc799250e7" providerId="ADAL" clId="{2CCCCBB6-E0A3-43BD-A271-1B182CC636DE}" dt="2023-10-19T00:24:56.327" v="10456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81" v="10608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Gülmez" userId="3594cd17-5953-4511-8d53-8cfc799250e7" providerId="ADAL" clId="{2CCCCBB6-E0A3-43BD-A271-1B182CC636DE}" dt="2023-10-19T00:24:56.333" v="10458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37" v="10459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30" v="10457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Gülmez" userId="3594cd17-5953-4511-8d53-8cfc799250e7" providerId="ADAL" clId="{2CCCCBB6-E0A3-43BD-A271-1B182CC636DE}" dt="2023-10-19T00:24:56.344" v="10460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47" v="10461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81" v="10608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Gülmez" userId="3594cd17-5953-4511-8d53-8cfc799250e7" providerId="ADAL" clId="{2CCCCBB6-E0A3-43BD-A271-1B182CC636DE}" dt="2023-10-19T00:24:56.352" v="10463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90" v="10611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Gülmez" userId="3594cd17-5953-4511-8d53-8cfc799250e7" providerId="ADAL" clId="{2CCCCBB6-E0A3-43BD-A271-1B182CC636DE}" dt="2023-10-19T00:24:56.361" v="10465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66" v="10466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55" v="10464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Gülmez" userId="3594cd17-5953-4511-8d53-8cfc799250e7" providerId="ADAL" clId="{2CCCCBB6-E0A3-43BD-A271-1B182CC636DE}" dt="2023-10-19T00:24:56.371" v="10467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77" v="10468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90" v="10611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Gülmez" userId="3594cd17-5953-4511-8d53-8cfc799250e7" providerId="ADAL" clId="{2CCCCBB6-E0A3-43BD-A271-1B182CC636DE}" dt="2023-10-19T00:24:56.382" v="10470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905" v="1061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Gülmez" userId="3594cd17-5953-4511-8d53-8cfc799250e7" providerId="ADAL" clId="{2CCCCBB6-E0A3-43BD-A271-1B182CC636DE}" dt="2023-10-19T00:24:56.414" v="10479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17" v="10480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21" v="10481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26" v="10482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33" v="10484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30" v="10483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43" v="10486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36" v="10485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10" v="10478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Gülmez" userId="3594cd17-5953-4511-8d53-8cfc799250e7" providerId="ADAL" clId="{2CCCCBB6-E0A3-43BD-A271-1B182CC636DE}" dt="2023-10-19T00:24:56.905" v="1061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Gülmez" userId="3594cd17-5953-4511-8d53-8cfc799250e7" providerId="ADAL" clId="{2CCCCBB6-E0A3-43BD-A271-1B182CC636DE}" dt="2023-10-19T00:24:56.448" v="10488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65" v="10569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Gülmez" userId="3594cd17-5953-4511-8d53-8cfc799250e7" providerId="ADAL" clId="{2CCCCBB6-E0A3-43BD-A271-1B182CC636DE}" dt="2023-10-19T00:24:56.066" v="10391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063" v="10390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Gülmez" userId="3594cd17-5953-4511-8d53-8cfc799250e7" providerId="ADAL" clId="{2CCCCBB6-E0A3-43BD-A271-1B182CC636DE}" dt="2023-10-19T00:24:56.765" v="10569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Gülmez" userId="3594cd17-5953-4511-8d53-8cfc799250e7" providerId="ADAL" clId="{2CCCCBB6-E0A3-43BD-A271-1B182CC636DE}" dt="2023-10-19T00:24:56.071" v="10393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76" v="10572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Gülmez" userId="3594cd17-5953-4511-8d53-8cfc799250e7" providerId="ADAL" clId="{2CCCCBB6-E0A3-43BD-A271-1B182CC636DE}" dt="2023-10-19T00:24:56.082" v="10396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Gülmez" userId="3594cd17-5953-4511-8d53-8cfc799250e7" providerId="ADAL" clId="{2CCCCBB6-E0A3-43BD-A271-1B182CC636DE}" dt="2023-10-19T00:24:56.080" v="10395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076" v="10394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76" v="10572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Gülmez" userId="3594cd17-5953-4511-8d53-8cfc799250e7" providerId="ADAL" clId="{2CCCCBB6-E0A3-43BD-A271-1B182CC636DE}" dt="2023-10-19T00:24:56.091" v="10398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88" v="10575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Gülmez" userId="3594cd17-5953-4511-8d53-8cfc799250e7" providerId="ADAL" clId="{2CCCCBB6-E0A3-43BD-A271-1B182CC636DE}" dt="2023-10-19T00:24:56.098" v="10400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094" v="10399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Gülmez" userId="3594cd17-5953-4511-8d53-8cfc799250e7" providerId="ADAL" clId="{2CCCCBB6-E0A3-43BD-A271-1B182CC636DE}" dt="2023-10-19T00:24:56.788" v="10575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Gülmez" userId="3594cd17-5953-4511-8d53-8cfc799250e7" providerId="ADAL" clId="{2CCCCBB6-E0A3-43BD-A271-1B182CC636DE}" dt="2023-10-19T00:24:56.105" v="10402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98" v="10578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Gülmez" userId="3594cd17-5953-4511-8d53-8cfc799250e7" providerId="ADAL" clId="{2CCCCBB6-E0A3-43BD-A271-1B182CC636DE}" dt="2023-10-19T00:24:56.116" v="10405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Gülmez" userId="3594cd17-5953-4511-8d53-8cfc799250e7" providerId="ADAL" clId="{2CCCCBB6-E0A3-43BD-A271-1B182CC636DE}" dt="2023-10-19T00:24:56.114" v="10404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09" v="10403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98" v="10578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Gülmez" userId="3594cd17-5953-4511-8d53-8cfc799250e7" providerId="ADAL" clId="{2CCCCBB6-E0A3-43BD-A271-1B182CC636DE}" dt="2023-10-19T00:24:56.120" v="10407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22" v="1058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Gülmez" userId="3594cd17-5953-4511-8d53-8cfc799250e7" providerId="ADAL" clId="{2CCCCBB6-E0A3-43BD-A271-1B182CC636DE}" dt="2023-10-19T00:24:56.170" v="10419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75" v="10420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66" v="10418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Gülmez" userId="3594cd17-5953-4511-8d53-8cfc799250e7" providerId="ADAL" clId="{2CCCCBB6-E0A3-43BD-A271-1B182CC636DE}" dt="2023-10-19T00:24:56.822" v="1058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Gülmez" userId="3594cd17-5953-4511-8d53-8cfc799250e7" providerId="ADAL" clId="{2CCCCBB6-E0A3-43BD-A271-1B182CC636DE}" dt="2023-10-19T00:24:56.181" v="10422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32" v="10590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Gülmez" userId="3594cd17-5953-4511-8d53-8cfc799250e7" providerId="ADAL" clId="{2CCCCBB6-E0A3-43BD-A271-1B182CC636DE}" dt="2023-10-19T00:24:56.189" v="10424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95" v="10425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84" v="10423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Gülmez" userId="3594cd17-5953-4511-8d53-8cfc799250e7" providerId="ADAL" clId="{2CCCCBB6-E0A3-43BD-A271-1B182CC636DE}" dt="2023-10-19T00:24:56.832" v="10590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Gülmez" userId="3594cd17-5953-4511-8d53-8cfc799250e7" providerId="ADAL" clId="{2CCCCBB6-E0A3-43BD-A271-1B182CC636DE}" dt="2023-10-19T00:24:56.200" v="10427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38" v="10593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Gülmez" userId="3594cd17-5953-4511-8d53-8cfc799250e7" providerId="ADAL" clId="{2CCCCBB6-E0A3-43BD-A271-1B182CC636DE}" dt="2023-10-19T00:24:56.208" v="10429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03" v="10428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Gülmez" userId="3594cd17-5953-4511-8d53-8cfc799250e7" providerId="ADAL" clId="{2CCCCBB6-E0A3-43BD-A271-1B182CC636DE}" dt="2023-10-19T00:24:56.213" v="10430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38" v="10593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Gülmez" userId="3594cd17-5953-4511-8d53-8cfc799250e7" providerId="ADAL" clId="{2CCCCBB6-E0A3-43BD-A271-1B182CC636DE}" dt="2023-10-19T00:24:56.220" v="10432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46" v="10596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Gülmez" userId="3594cd17-5953-4511-8d53-8cfc799250e7" providerId="ADAL" clId="{2CCCCBB6-E0A3-43BD-A271-1B182CC636DE}" dt="2023-10-19T00:24:56.226" v="10433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Gülmez" userId="3594cd17-5953-4511-8d53-8cfc799250e7" providerId="ADAL" clId="{2CCCCBB6-E0A3-43BD-A271-1B182CC636DE}" dt="2023-10-19T00:24:56.233" v="10434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41" v="10435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46" v="10596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Gülmez" userId="3594cd17-5953-4511-8d53-8cfc799250e7" providerId="ADAL" clId="{2CCCCBB6-E0A3-43BD-A271-1B182CC636DE}" dt="2023-10-19T00:24:56.249" v="10437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98" v="10614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Gülmez" userId="3594cd17-5953-4511-8d53-8cfc799250e7" providerId="ADAL" clId="{2CCCCBB6-E0A3-43BD-A271-1B182CC636DE}" dt="2023-10-19T00:24:56.388" v="10472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94" v="10473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97" v="10474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01" v="10475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Gülmez" userId="3594cd17-5953-4511-8d53-8cfc799250e7" providerId="ADAL" clId="{2CCCCBB6-E0A3-43BD-A271-1B182CC636DE}" dt="2023-10-19T00:24:56.385" v="10471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Gülmez" userId="3594cd17-5953-4511-8d53-8cfc799250e7" providerId="ADAL" clId="{2CCCCBB6-E0A3-43BD-A271-1B182CC636DE}" dt="2023-10-19T00:24:56.898" v="10614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Gülmez" userId="3594cd17-5953-4511-8d53-8cfc799250e7" providerId="ADAL" clId="{2CCCCBB6-E0A3-43BD-A271-1B182CC636DE}" dt="2023-10-19T00:24:56.407" v="10477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63" v="10533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Gülmez" userId="3594cd17-5953-4511-8d53-8cfc799250e7" providerId="ADAL" clId="{2CCCCBB6-E0A3-43BD-A271-1B182CC636DE}" dt="2023-10-19T00:24:56.663" v="10533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Gülmez" userId="3594cd17-5953-4511-8d53-8cfc799250e7" providerId="ADAL" clId="{2CCCCBB6-E0A3-43BD-A271-1B182CC636DE}" dt="2023-10-19T00:24:55.944" v="10346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450" v="10489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Gülmez" userId="3594cd17-5953-4511-8d53-8cfc799250e7" providerId="ADAL" clId="{2CCCCBB6-E0A3-43BD-A271-1B182CC636DE}" dt="2023-10-19T00:24:56.450" v="10489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575" v="10500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Gülmez" userId="3594cd17-5953-4511-8d53-8cfc799250e7" providerId="ADAL" clId="{2CCCCBB6-E0A3-43BD-A271-1B182CC636DE}" dt="2023-10-19T00:24:55.798" v="10293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Gülmez" userId="3594cd17-5953-4511-8d53-8cfc799250e7" providerId="ADAL" clId="{2CCCCBB6-E0A3-43BD-A271-1B182CC636DE}" dt="2023-10-19T00:24:55.800" v="10294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Gülmez" userId="3594cd17-5953-4511-8d53-8cfc799250e7" providerId="ADAL" clId="{2CCCCBB6-E0A3-43BD-A271-1B182CC636DE}" dt="2023-10-19T00:24:55.802" v="10295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Gülmez" userId="3594cd17-5953-4511-8d53-8cfc799250e7" providerId="ADAL" clId="{2CCCCBB6-E0A3-43BD-A271-1B182CC636DE}" dt="2023-10-19T00:24:56.575" v="10500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Gülmez" userId="3594cd17-5953-4511-8d53-8cfc799250e7" providerId="ADAL" clId="{2CCCCBB6-E0A3-43BD-A271-1B182CC636DE}" dt="2023-10-19T00:24:55.809" v="10297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Gülmez" userId="3594cd17-5953-4511-8d53-8cfc799250e7" providerId="ADAL" clId="{2CCCCBB6-E0A3-43BD-A271-1B182CC636DE}" dt="2023-10-19T00:24:55.788" v="10290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Gülmez" userId="3594cd17-5953-4511-8d53-8cfc799250e7" providerId="ADAL" clId="{2CCCCBB6-E0A3-43BD-A271-1B182CC636DE}" dt="2023-10-19T00:24:55.795" v="10292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792" v="10291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55" v="10566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Gülmez" userId="3594cd17-5953-4511-8d53-8cfc799250e7" providerId="ADAL" clId="{2CCCCBB6-E0A3-43BD-A271-1B182CC636DE}" dt="2023-10-19T00:24:56.053" v="10387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Gülmez" userId="3594cd17-5953-4511-8d53-8cfc799250e7" providerId="ADAL" clId="{2CCCCBB6-E0A3-43BD-A271-1B182CC636DE}" dt="2023-10-19T00:24:56.049" v="10386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Gülmez" userId="3594cd17-5953-4511-8d53-8cfc799250e7" providerId="ADAL" clId="{2CCCCBB6-E0A3-43BD-A271-1B182CC636DE}" dt="2023-10-19T00:24:56.755" v="10566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Gülmez" userId="3594cd17-5953-4511-8d53-8cfc799250e7" providerId="ADAL" clId="{2CCCCBB6-E0A3-43BD-A271-1B182CC636DE}" dt="2023-10-19T00:24:56.060" v="10389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53" v="10599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Gülmez" userId="3594cd17-5953-4511-8d53-8cfc799250e7" providerId="ADAL" clId="{2CCCCBB6-E0A3-43BD-A271-1B182CC636DE}" dt="2023-10-19T00:24:56.260" v="10439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67" v="10441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Gülmez" userId="3594cd17-5953-4511-8d53-8cfc799250e7" providerId="ADAL" clId="{2CCCCBB6-E0A3-43BD-A271-1B182CC636DE}" dt="2023-10-19T00:24:56.264" v="10440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53" v="10599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Gülmez" userId="3594cd17-5953-4511-8d53-8cfc799250e7" providerId="ADAL" clId="{2CCCCBB6-E0A3-43BD-A271-1B182CC636DE}" dt="2023-10-19T00:24:56.253" v="10438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Gülmez" userId="3594cd17-5953-4511-8d53-8cfc799250e7" providerId="ADAL" clId="{2CCCCBB6-E0A3-43BD-A271-1B182CC636DE}" dt="2023-10-19T00:24:56.273" v="10443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81" v="10539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Gülmez" userId="3594cd17-5953-4511-8d53-8cfc799250e7" providerId="ADAL" clId="{2CCCCBB6-E0A3-43BD-A271-1B182CC636DE}" dt="2023-10-19T00:24:55.952" v="10350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55" v="10351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81" v="10539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Gülmez" userId="3594cd17-5953-4511-8d53-8cfc799250e7" providerId="ADAL" clId="{2CCCCBB6-E0A3-43BD-A271-1B182CC636DE}" dt="2023-10-19T00:24:55.960" v="10353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89" v="10542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Gülmez" userId="3594cd17-5953-4511-8d53-8cfc799250e7" providerId="ADAL" clId="{2CCCCBB6-E0A3-43BD-A271-1B182CC636DE}" dt="2023-10-19T00:24:55.962" v="10354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65" v="10355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89" v="10542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Gülmez" userId="3594cd17-5953-4511-8d53-8cfc799250e7" providerId="ADAL" clId="{2CCCCBB6-E0A3-43BD-A271-1B182CC636DE}" dt="2023-10-19T00:24:55.970" v="10357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97" v="10545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Gülmez" userId="3594cd17-5953-4511-8d53-8cfc799250e7" providerId="ADAL" clId="{2CCCCBB6-E0A3-43BD-A271-1B182CC636DE}" dt="2023-10-19T00:24:55.972" v="10358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75" v="10359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97" v="10545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Gülmez" userId="3594cd17-5953-4511-8d53-8cfc799250e7" providerId="ADAL" clId="{2CCCCBB6-E0A3-43BD-A271-1B182CC636DE}" dt="2023-10-19T00:24:55.981" v="10361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04" v="10548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Gülmez" userId="3594cd17-5953-4511-8d53-8cfc799250e7" providerId="ADAL" clId="{2CCCCBB6-E0A3-43BD-A271-1B182CC636DE}" dt="2023-10-19T00:24:55.983" v="10362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85" v="10363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04" v="10548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Gülmez" userId="3594cd17-5953-4511-8d53-8cfc799250e7" providerId="ADAL" clId="{2CCCCBB6-E0A3-43BD-A271-1B182CC636DE}" dt="2023-10-19T00:24:55.991" v="10365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13" v="10551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Gülmez" userId="3594cd17-5953-4511-8d53-8cfc799250e7" providerId="ADAL" clId="{2CCCCBB6-E0A3-43BD-A271-1B182CC636DE}" dt="2023-10-19T00:24:55.993" v="10366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96" v="10367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13" v="10551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Gülmez" userId="3594cd17-5953-4511-8d53-8cfc799250e7" providerId="ADAL" clId="{2CCCCBB6-E0A3-43BD-A271-1B182CC636DE}" dt="2023-10-19T00:24:56" v="10369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20" v="10554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Gülmez" userId="3594cd17-5953-4511-8d53-8cfc799250e7" providerId="ADAL" clId="{2CCCCBB6-E0A3-43BD-A271-1B182CC636DE}" dt="2023-10-19T00:24:56.002" v="10370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6.005" v="10371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20" v="10554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Gülmez" userId="3594cd17-5953-4511-8d53-8cfc799250e7" providerId="ADAL" clId="{2CCCCBB6-E0A3-43BD-A271-1B182CC636DE}" dt="2023-10-19T00:24:56.011" v="10373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29" v="1055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Gülmez" userId="3594cd17-5953-4511-8d53-8cfc799250e7" providerId="ADAL" clId="{2CCCCBB6-E0A3-43BD-A271-1B182CC636DE}" dt="2023-10-19T00:24:56.013" v="10374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6.015" v="10375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29" v="1055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Gülmez" userId="3594cd17-5953-4511-8d53-8cfc799250e7" providerId="ADAL" clId="{2CCCCBB6-E0A3-43BD-A271-1B182CC636DE}" dt="2023-10-19T00:24:56.019" v="10377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453" v="10491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Gülmez" userId="3594cd17-5953-4511-8d53-8cfc799250e7" providerId="ADAL" clId="{2CCCCBB6-E0A3-43BD-A271-1B182CC636DE}" dt="2023-10-19T00:24:56.451" v="10490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Gülmez" userId="3594cd17-5953-4511-8d53-8cfc799250e7" providerId="ADAL" clId="{2CCCCBB6-E0A3-43BD-A271-1B182CC636DE}" dt="2023-10-19T00:24:56.453" v="10491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485" v="10492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Gülmez" userId="3594cd17-5953-4511-8d53-8cfc799250e7" providerId="ADAL" clId="{2CCCCBB6-E0A3-43BD-A271-1B182CC636DE}" dt="2023-10-19T00:24:56.485" v="10492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48" v="10563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Gülmez" userId="3594cd17-5953-4511-8d53-8cfc799250e7" providerId="ADAL" clId="{2CCCCBB6-E0A3-43BD-A271-1B182CC636DE}" dt="2023-10-19T00:24:56.041" v="10383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Gülmez" userId="3594cd17-5953-4511-8d53-8cfc799250e7" providerId="ADAL" clId="{2CCCCBB6-E0A3-43BD-A271-1B182CC636DE}" dt="2023-10-19T00:24:56.035" v="10382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48" v="10563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Gülmez" userId="3594cd17-5953-4511-8d53-8cfc799250e7" providerId="ADAL" clId="{2CCCCBB6-E0A3-43BD-A271-1B182CC636DE}" dt="2023-10-19T00:24:56.047" v="10385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Merve Turhan" userId="3594cd17-5953-4511-8d53-8cfc799250e7" providerId="ADAL" clId="{BF5ADAB4-0F28-4547-BB12-022566EFD8A6}"/>
    <pc:docChg chg="undo redo custSel addSld delSld modSld sldOrd modMainMaster">
      <pc:chgData name="Merve Turhan" userId="3594cd17-5953-4511-8d53-8cfc799250e7" providerId="ADAL" clId="{BF5ADAB4-0F28-4547-BB12-022566EFD8A6}" dt="2022-06-23T12:49:50.263" v="2626" actId="20577"/>
      <pc:docMkLst>
        <pc:docMk/>
      </pc:docMkLst>
      <pc:sldChg chg="delSp mod delAnim">
        <pc:chgData name="Merve Turhan" userId="3594cd17-5953-4511-8d53-8cfc799250e7" providerId="ADAL" clId="{BF5ADAB4-0F28-4547-BB12-022566EFD8A6}" dt="2022-06-15T21:02:12.703" v="172" actId="478"/>
        <pc:sldMkLst>
          <pc:docMk/>
          <pc:sldMk cId="1112123526" sldId="285"/>
        </pc:sldMkLst>
        <pc:spChg chg="del">
          <ac:chgData name="Merve Turhan" userId="3594cd17-5953-4511-8d53-8cfc799250e7" providerId="ADAL" clId="{BF5ADAB4-0F28-4547-BB12-022566EFD8A6}" dt="2022-06-15T21:02:12.703" v="172" actId="478"/>
          <ac:spMkLst>
            <pc:docMk/>
            <pc:sldMk cId="1112123526" sldId="285"/>
            <ac:spMk id="28" creationId="{E0C13FDA-A89A-4DE5-9F37-4D88B087CB41}"/>
          </ac:spMkLst>
        </pc:spChg>
      </pc:sldChg>
      <pc:sldChg chg="delSp modSp mod delAnim">
        <pc:chgData name="Merve Turhan" userId="3594cd17-5953-4511-8d53-8cfc799250e7" providerId="ADAL" clId="{BF5ADAB4-0F28-4547-BB12-022566EFD8A6}" dt="2022-06-15T21:01:48.678" v="167" actId="478"/>
        <pc:sldMkLst>
          <pc:docMk/>
          <pc:sldMk cId="2125387437" sldId="491"/>
        </pc:sldMkLst>
        <pc:spChg chg="del mod">
          <ac:chgData name="Merve Turhan" userId="3594cd17-5953-4511-8d53-8cfc799250e7" providerId="ADAL" clId="{BF5ADAB4-0F28-4547-BB12-022566EFD8A6}" dt="2022-06-15T21:01:48.678" v="167" actId="478"/>
          <ac:spMkLst>
            <pc:docMk/>
            <pc:sldMk cId="2125387437" sldId="491"/>
            <ac:spMk id="98" creationId="{11C77276-F58B-4FA0-B41F-ADFA16778009}"/>
          </ac:spMkLst>
        </pc:spChg>
      </pc:sldChg>
      <pc:sldChg chg="delSp mod">
        <pc:chgData name="Merve Turhan" userId="3594cd17-5953-4511-8d53-8cfc799250e7" providerId="ADAL" clId="{BF5ADAB4-0F28-4547-BB12-022566EFD8A6}" dt="2022-06-15T21:01:53.032" v="168" actId="478"/>
        <pc:sldMkLst>
          <pc:docMk/>
          <pc:sldMk cId="3526453984" sldId="492"/>
        </pc:sldMkLst>
        <pc:spChg chg="del">
          <ac:chgData name="Merve Turhan" userId="3594cd17-5953-4511-8d53-8cfc799250e7" providerId="ADAL" clId="{BF5ADAB4-0F28-4547-BB12-022566EFD8A6}" dt="2022-06-15T21:01:53.032" v="168" actId="478"/>
          <ac:spMkLst>
            <pc:docMk/>
            <pc:sldMk cId="3526453984" sldId="492"/>
            <ac:spMk id="4" creationId="{46F2D01C-BF50-4EAE-9226-32880CD41ED0}"/>
          </ac:spMkLst>
        </pc:spChg>
      </pc:sldChg>
      <pc:sldChg chg="modSp mod">
        <pc:chgData name="Merve Turhan" userId="3594cd17-5953-4511-8d53-8cfc799250e7" providerId="ADAL" clId="{BF5ADAB4-0F28-4547-BB12-022566EFD8A6}" dt="2022-06-20T08:13:37.696" v="2462" actId="20577"/>
        <pc:sldMkLst>
          <pc:docMk/>
          <pc:sldMk cId="7423119" sldId="503"/>
        </pc:sldMkLst>
        <pc:spChg chg="mod">
          <ac:chgData name="Merve Turhan" userId="3594cd17-5953-4511-8d53-8cfc799250e7" providerId="ADAL" clId="{BF5ADAB4-0F28-4547-BB12-022566EFD8A6}" dt="2022-06-20T08:13:37.696" v="2462" actId="20577"/>
          <ac:spMkLst>
            <pc:docMk/>
            <pc:sldMk cId="7423119" sldId="503"/>
            <ac:spMk id="3" creationId="{564CE5E3-F3B4-4237-88B0-E6459D52AB6F}"/>
          </ac:spMkLst>
        </pc:spChg>
      </pc:sldChg>
      <pc:sldChg chg="modSp mod">
        <pc:chgData name="Merve Turhan" userId="3594cd17-5953-4511-8d53-8cfc799250e7" providerId="ADAL" clId="{BF5ADAB4-0F28-4547-BB12-022566EFD8A6}" dt="2022-06-16T16:37:39.513" v="1109" actId="207"/>
        <pc:sldMkLst>
          <pc:docMk/>
          <pc:sldMk cId="2291861504" sldId="531"/>
        </pc:sldMkLst>
        <pc:spChg chg="mod">
          <ac:chgData name="Merve Turhan" userId="3594cd17-5953-4511-8d53-8cfc799250e7" providerId="ADAL" clId="{BF5ADAB4-0F28-4547-BB12-022566EFD8A6}" dt="2022-06-16T16:37:39.513" v="1109" actId="207"/>
          <ac:spMkLst>
            <pc:docMk/>
            <pc:sldMk cId="2291861504" sldId="531"/>
            <ac:spMk id="3" creationId="{6DE19459-6368-44AA-9A38-0856FA73597F}"/>
          </ac:spMkLst>
        </pc:spChg>
      </pc:sldChg>
      <pc:sldChg chg="addSp delSp modSp mod modAnim">
        <pc:chgData name="Merve Turhan" userId="3594cd17-5953-4511-8d53-8cfc799250e7" providerId="ADAL" clId="{BF5ADAB4-0F28-4547-BB12-022566EFD8A6}" dt="2022-06-16T16:55:39.053" v="1239" actId="255"/>
        <pc:sldMkLst>
          <pc:docMk/>
          <pc:sldMk cId="2411121823" sldId="533"/>
        </pc:sldMkLst>
        <pc:spChg chg="mod">
          <ac:chgData name="Merve Turhan" userId="3594cd17-5953-4511-8d53-8cfc799250e7" providerId="ADAL" clId="{BF5ADAB4-0F28-4547-BB12-022566EFD8A6}" dt="2022-06-16T16:55:39.053" v="1239" actId="255"/>
          <ac:spMkLst>
            <pc:docMk/>
            <pc:sldMk cId="2411121823" sldId="533"/>
            <ac:spMk id="3" creationId="{C78F839D-CE16-4592-A70C-94B51B118806}"/>
          </ac:spMkLst>
        </pc:spChg>
        <pc:spChg chg="add mod">
          <ac:chgData name="Merve Turhan" userId="3594cd17-5953-4511-8d53-8cfc799250e7" providerId="ADAL" clId="{BF5ADAB4-0F28-4547-BB12-022566EFD8A6}" dt="2022-06-16T16:55:05.299" v="1237" actId="20577"/>
          <ac:spMkLst>
            <pc:docMk/>
            <pc:sldMk cId="2411121823" sldId="533"/>
            <ac:spMk id="4" creationId="{DD94BF31-1258-4303-9A0A-A7FD66A1B125}"/>
          </ac:spMkLst>
        </pc:spChg>
        <pc:spChg chg="add mod">
          <ac:chgData name="Merve Turhan" userId="3594cd17-5953-4511-8d53-8cfc799250e7" providerId="ADAL" clId="{BF5ADAB4-0F28-4547-BB12-022566EFD8A6}" dt="2022-06-16T16:49:59.173" v="1163" actId="1076"/>
          <ac:spMkLst>
            <pc:docMk/>
            <pc:sldMk cId="2411121823" sldId="533"/>
            <ac:spMk id="5" creationId="{AF91D215-C154-4E98-B8AB-702658B245C8}"/>
          </ac:spMkLst>
        </pc:spChg>
        <pc:spChg chg="add del mod">
          <ac:chgData name="Merve Turhan" userId="3594cd17-5953-4511-8d53-8cfc799250e7" providerId="ADAL" clId="{BF5ADAB4-0F28-4547-BB12-022566EFD8A6}" dt="2022-06-16T16:53:46.829" v="1227" actId="478"/>
          <ac:spMkLst>
            <pc:docMk/>
            <pc:sldMk cId="2411121823" sldId="533"/>
            <ac:spMk id="7" creationId="{D34A436B-5385-4CA3-A9CD-D9C8F90EA1C3}"/>
          </ac:spMkLst>
        </pc:spChg>
      </pc:sldChg>
      <pc:sldChg chg="delSp mod delAnim modNotesTx">
        <pc:chgData name="Merve Turhan" userId="3594cd17-5953-4511-8d53-8cfc799250e7" providerId="ADAL" clId="{BF5ADAB4-0F28-4547-BB12-022566EFD8A6}" dt="2022-06-15T21:01:42.853" v="165" actId="20577"/>
        <pc:sldMkLst>
          <pc:docMk/>
          <pc:sldMk cId="1973130496" sldId="535"/>
        </pc:sldMkLst>
        <pc:spChg chg="del">
          <ac:chgData name="Merve Turhan" userId="3594cd17-5953-4511-8d53-8cfc799250e7" providerId="ADAL" clId="{BF5ADAB4-0F28-4547-BB12-022566EFD8A6}" dt="2022-06-15T21:01:39.768" v="164" actId="478"/>
          <ac:spMkLst>
            <pc:docMk/>
            <pc:sldMk cId="1973130496" sldId="535"/>
            <ac:spMk id="31" creationId="{2DB70A00-8988-46ED-8618-FCE9855CC631}"/>
          </ac:spMkLst>
        </pc:spChg>
      </pc:sldChg>
      <pc:sldChg chg="modNotesTx">
        <pc:chgData name="Merve Turhan" userId="3594cd17-5953-4511-8d53-8cfc799250e7" providerId="ADAL" clId="{BF5ADAB4-0F28-4547-BB12-022566EFD8A6}" dt="2022-06-17T06:49:21.303" v="1579" actId="20577"/>
        <pc:sldMkLst>
          <pc:docMk/>
          <pc:sldMk cId="1598766672" sldId="540"/>
        </pc:sldMkLst>
      </pc:sldChg>
      <pc:sldChg chg="delSp mod delAnim">
        <pc:chgData name="Merve Turhan" userId="3594cd17-5953-4511-8d53-8cfc799250e7" providerId="ADAL" clId="{BF5ADAB4-0F28-4547-BB12-022566EFD8A6}" dt="2022-06-15T21:02:22.429" v="174" actId="478"/>
        <pc:sldMkLst>
          <pc:docMk/>
          <pc:sldMk cId="3635840541" sldId="545"/>
        </pc:sldMkLst>
        <pc:spChg chg="del">
          <ac:chgData name="Merve Turhan" userId="3594cd17-5953-4511-8d53-8cfc799250e7" providerId="ADAL" clId="{BF5ADAB4-0F28-4547-BB12-022566EFD8A6}" dt="2022-06-15T21:02:22.429" v="174" actId="478"/>
          <ac:spMkLst>
            <pc:docMk/>
            <pc:sldMk cId="3635840541" sldId="545"/>
            <ac:spMk id="5" creationId="{A9C46CE3-96EC-44C8-A94E-286B32F2CBCC}"/>
          </ac:spMkLst>
        </pc:spChg>
      </pc:sldChg>
      <pc:sldChg chg="delSp mod delAnim">
        <pc:chgData name="Merve Turhan" userId="3594cd17-5953-4511-8d53-8cfc799250e7" providerId="ADAL" clId="{BF5ADAB4-0F28-4547-BB12-022566EFD8A6}" dt="2022-06-15T21:02:18.483" v="173" actId="478"/>
        <pc:sldMkLst>
          <pc:docMk/>
          <pc:sldMk cId="3164656077" sldId="549"/>
        </pc:sldMkLst>
        <pc:spChg chg="del">
          <ac:chgData name="Merve Turhan" userId="3594cd17-5953-4511-8d53-8cfc799250e7" providerId="ADAL" clId="{BF5ADAB4-0F28-4547-BB12-022566EFD8A6}" dt="2022-06-15T21:02:18.483" v="173" actId="478"/>
          <ac:spMkLst>
            <pc:docMk/>
            <pc:sldMk cId="3164656077" sldId="549"/>
            <ac:spMk id="40" creationId="{9EB7C1FE-268A-4161-ABF1-3079E0F9AEC0}"/>
          </ac:spMkLst>
        </pc:spChg>
      </pc:sldChg>
      <pc:sldChg chg="addSp delSp modSp mod">
        <pc:chgData name="Merve Turhan" userId="3594cd17-5953-4511-8d53-8cfc799250e7" providerId="ADAL" clId="{BF5ADAB4-0F28-4547-BB12-022566EFD8A6}" dt="2022-06-17T06:50:53.500" v="1585" actId="478"/>
        <pc:sldMkLst>
          <pc:docMk/>
          <pc:sldMk cId="1324455309" sldId="552"/>
        </pc:sldMkLst>
        <pc:spChg chg="add del mod">
          <ac:chgData name="Merve Turhan" userId="3594cd17-5953-4511-8d53-8cfc799250e7" providerId="ADAL" clId="{BF5ADAB4-0F28-4547-BB12-022566EFD8A6}" dt="2022-06-17T06:50:53.500" v="1585" actId="478"/>
          <ac:spMkLst>
            <pc:docMk/>
            <pc:sldMk cId="1324455309" sldId="552"/>
            <ac:spMk id="3" creationId="{C472860E-0A50-43C8-B6C8-20B2AA132843}"/>
          </ac:spMkLst>
        </pc:spChg>
        <pc:spChg chg="mod">
          <ac:chgData name="Merve Turhan" userId="3594cd17-5953-4511-8d53-8cfc799250e7" providerId="ADAL" clId="{BF5ADAB4-0F28-4547-BB12-022566EFD8A6}" dt="2022-06-16T17:07:21.598" v="1421" actId="1076"/>
          <ac:spMkLst>
            <pc:docMk/>
            <pc:sldMk cId="1324455309" sldId="552"/>
            <ac:spMk id="7" creationId="{C91585DB-F45C-4214-BA01-B877F35EFEB6}"/>
          </ac:spMkLst>
        </pc:spChg>
      </pc:sldChg>
      <pc:sldChg chg="delSp mod delAnim">
        <pc:chgData name="Merve Turhan" userId="3594cd17-5953-4511-8d53-8cfc799250e7" providerId="ADAL" clId="{BF5ADAB4-0F28-4547-BB12-022566EFD8A6}" dt="2022-06-15T21:02:33.964" v="175" actId="478"/>
        <pc:sldMkLst>
          <pc:docMk/>
          <pc:sldMk cId="67517722" sldId="555"/>
        </pc:sldMkLst>
        <pc:spChg chg="del">
          <ac:chgData name="Merve Turhan" userId="3594cd17-5953-4511-8d53-8cfc799250e7" providerId="ADAL" clId="{BF5ADAB4-0F28-4547-BB12-022566EFD8A6}" dt="2022-06-15T21:02:33.964" v="175" actId="478"/>
          <ac:spMkLst>
            <pc:docMk/>
            <pc:sldMk cId="67517722" sldId="555"/>
            <ac:spMk id="21" creationId="{B11FD6D4-83E3-449A-97FF-2638EA9365C2}"/>
          </ac:spMkLst>
        </pc:spChg>
      </pc:sldChg>
      <pc:sldChg chg="addSp delSp modSp mod delAnim">
        <pc:chgData name="Merve Turhan" userId="3594cd17-5953-4511-8d53-8cfc799250e7" providerId="ADAL" clId="{BF5ADAB4-0F28-4547-BB12-022566EFD8A6}" dt="2022-06-19T08:20:42.947" v="2456" actId="1076"/>
        <pc:sldMkLst>
          <pc:docMk/>
          <pc:sldMk cId="3814535045" sldId="557"/>
        </pc:sldMkLst>
        <pc:spChg chg="del">
          <ac:chgData name="Merve Turhan" userId="3594cd17-5953-4511-8d53-8cfc799250e7" providerId="ADAL" clId="{BF5ADAB4-0F28-4547-BB12-022566EFD8A6}" dt="2022-06-15T21:07:25.825" v="292" actId="478"/>
          <ac:spMkLst>
            <pc:docMk/>
            <pc:sldMk cId="3814535045" sldId="557"/>
            <ac:spMk id="12" creationId="{B15D11D8-699E-42F1-8CED-BFCDCF22D45E}"/>
          </ac:spMkLst>
        </pc:spChg>
        <pc:picChg chg="add del mod">
          <ac:chgData name="Merve Turhan" userId="3594cd17-5953-4511-8d53-8cfc799250e7" providerId="ADAL" clId="{BF5ADAB4-0F28-4547-BB12-022566EFD8A6}" dt="2022-06-15T21:07:24.102" v="291" actId="478"/>
          <ac:picMkLst>
            <pc:docMk/>
            <pc:sldMk cId="3814535045" sldId="557"/>
            <ac:picMk id="7" creationId="{437E60D2-69AF-481A-A5F9-1B7EABEE4133}"/>
          </ac:picMkLst>
        </pc:picChg>
        <pc:picChg chg="add mod">
          <ac:chgData name="Merve Turhan" userId="3594cd17-5953-4511-8d53-8cfc799250e7" providerId="ADAL" clId="{BF5ADAB4-0F28-4547-BB12-022566EFD8A6}" dt="2022-06-19T08:20:42.947" v="2456" actId="1076"/>
          <ac:picMkLst>
            <pc:docMk/>
            <pc:sldMk cId="3814535045" sldId="557"/>
            <ac:picMk id="13" creationId="{EC2A00DC-13EB-4E0E-A57E-C35FC967BF2C}"/>
          </ac:picMkLst>
        </pc:picChg>
      </pc:sldChg>
      <pc:sldChg chg="modSp mod ord modShow modNotesTx">
        <pc:chgData name="Merve Turhan" userId="3594cd17-5953-4511-8d53-8cfc799250e7" providerId="ADAL" clId="{BF5ADAB4-0F28-4547-BB12-022566EFD8A6}" dt="2022-06-17T07:35:03.572" v="1782" actId="729"/>
        <pc:sldMkLst>
          <pc:docMk/>
          <pc:sldMk cId="2687749463" sldId="558"/>
        </pc:sldMkLst>
        <pc:picChg chg="mod">
          <ac:chgData name="Merve Turhan" userId="3594cd17-5953-4511-8d53-8cfc799250e7" providerId="ADAL" clId="{BF5ADAB4-0F28-4547-BB12-022566EFD8A6}" dt="2022-06-16T16:44:38.701" v="1147" actId="1076"/>
          <ac:picMkLst>
            <pc:docMk/>
            <pc:sldMk cId="2687749463" sldId="558"/>
            <ac:picMk id="7" creationId="{554845CC-A777-44B5-A463-A8D99EE4E313}"/>
          </ac:picMkLst>
        </pc:picChg>
      </pc:sldChg>
      <pc:sldChg chg="delSp mod delAnim modShow">
        <pc:chgData name="Merve Turhan" userId="3594cd17-5953-4511-8d53-8cfc799250e7" providerId="ADAL" clId="{BF5ADAB4-0F28-4547-BB12-022566EFD8A6}" dt="2022-06-17T06:49:44.310" v="1580" actId="729"/>
        <pc:sldMkLst>
          <pc:docMk/>
          <pc:sldMk cId="4164184284" sldId="561"/>
        </pc:sldMkLst>
        <pc:spChg chg="del">
          <ac:chgData name="Merve Turhan" userId="3594cd17-5953-4511-8d53-8cfc799250e7" providerId="ADAL" clId="{BF5ADAB4-0F28-4547-BB12-022566EFD8A6}" dt="2022-06-15T21:02:00.370" v="170" actId="478"/>
          <ac:spMkLst>
            <pc:docMk/>
            <pc:sldMk cId="4164184284" sldId="561"/>
            <ac:spMk id="12" creationId="{0D76405C-09B7-40DD-A397-0FCBEA19888A}"/>
          </ac:spMkLst>
        </pc:spChg>
        <pc:spChg chg="del">
          <ac:chgData name="Merve Turhan" userId="3594cd17-5953-4511-8d53-8cfc799250e7" providerId="ADAL" clId="{BF5ADAB4-0F28-4547-BB12-022566EFD8A6}" dt="2022-06-15T21:02:04.658" v="171" actId="478"/>
          <ac:spMkLst>
            <pc:docMk/>
            <pc:sldMk cId="4164184284" sldId="561"/>
            <ac:spMk id="15" creationId="{A36DF49F-3294-470F-9DDA-E2FAB7700008}"/>
          </ac:spMkLst>
        </pc:spChg>
        <pc:spChg chg="del">
          <ac:chgData name="Merve Turhan" userId="3594cd17-5953-4511-8d53-8cfc799250e7" providerId="ADAL" clId="{BF5ADAB4-0F28-4547-BB12-022566EFD8A6}" dt="2022-06-15T21:01:57.335" v="169" actId="478"/>
          <ac:spMkLst>
            <pc:docMk/>
            <pc:sldMk cId="4164184284" sldId="561"/>
            <ac:spMk id="16" creationId="{46B35205-86E0-4EEB-A1D5-03852E5AE649}"/>
          </ac:spMkLst>
        </pc:spChg>
      </pc:sldChg>
      <pc:sldChg chg="mod ord modShow">
        <pc:chgData name="Merve Turhan" userId="3594cd17-5953-4511-8d53-8cfc799250e7" providerId="ADAL" clId="{BF5ADAB4-0F28-4547-BB12-022566EFD8A6}" dt="2022-06-17T07:24:51.705" v="1777" actId="729"/>
        <pc:sldMkLst>
          <pc:docMk/>
          <pc:sldMk cId="2909941548" sldId="562"/>
        </pc:sldMkLst>
      </pc:sldChg>
      <pc:sldChg chg="modSp mod">
        <pc:chgData name="Merve Turhan" userId="3594cd17-5953-4511-8d53-8cfc799250e7" providerId="ADAL" clId="{BF5ADAB4-0F28-4547-BB12-022566EFD8A6}" dt="2022-06-19T07:43:25.767" v="2290" actId="1076"/>
        <pc:sldMkLst>
          <pc:docMk/>
          <pc:sldMk cId="1011689581" sldId="563"/>
        </pc:sldMkLst>
        <pc:picChg chg="mod">
          <ac:chgData name="Merve Turhan" userId="3594cd17-5953-4511-8d53-8cfc799250e7" providerId="ADAL" clId="{BF5ADAB4-0F28-4547-BB12-022566EFD8A6}" dt="2022-06-19T07:43:25.767" v="2290" actId="1076"/>
          <ac:picMkLst>
            <pc:docMk/>
            <pc:sldMk cId="1011689581" sldId="563"/>
            <ac:picMk id="17" creationId="{6FD668DD-212E-4F9E-9810-F57486A5364C}"/>
          </ac:picMkLst>
        </pc:picChg>
      </pc:sldChg>
      <pc:sldChg chg="addSp delSp modSp new mod ord modAnim modNotesTx">
        <pc:chgData name="Merve Turhan" userId="3594cd17-5953-4511-8d53-8cfc799250e7" providerId="ADAL" clId="{BF5ADAB4-0F28-4547-BB12-022566EFD8A6}" dt="2022-06-16T17:04:02.901" v="1416" actId="20577"/>
        <pc:sldMkLst>
          <pc:docMk/>
          <pc:sldMk cId="678586124" sldId="566"/>
        </pc:sldMkLst>
        <pc:spChg chg="mod">
          <ac:chgData name="Merve Turhan" userId="3594cd17-5953-4511-8d53-8cfc799250e7" providerId="ADAL" clId="{BF5ADAB4-0F28-4547-BB12-022566EFD8A6}" dt="2022-06-16T16:12:50.942" v="1098" actId="20577"/>
          <ac:spMkLst>
            <pc:docMk/>
            <pc:sldMk cId="678586124" sldId="566"/>
            <ac:spMk id="2" creationId="{4B33378B-75B3-4C02-BA56-C1A7A6A056F5}"/>
          </ac:spMkLst>
        </pc:spChg>
        <pc:spChg chg="del">
          <ac:chgData name="Merve Turhan" userId="3594cd17-5953-4511-8d53-8cfc799250e7" providerId="ADAL" clId="{BF5ADAB4-0F28-4547-BB12-022566EFD8A6}" dt="2022-06-15T21:03:48.142" v="203"/>
          <ac:spMkLst>
            <pc:docMk/>
            <pc:sldMk cId="678586124" sldId="566"/>
            <ac:spMk id="3" creationId="{7D6CE9DC-6053-465D-AAA9-D4665EBA6DD7}"/>
          </ac:spMkLst>
        </pc:spChg>
        <pc:picChg chg="add mod">
          <ac:chgData name="Merve Turhan" userId="3594cd17-5953-4511-8d53-8cfc799250e7" providerId="ADAL" clId="{BF5ADAB4-0F28-4547-BB12-022566EFD8A6}" dt="2022-06-16T17:01:48.047" v="1252" actId="14100"/>
          <ac:picMkLst>
            <pc:docMk/>
            <pc:sldMk cId="678586124" sldId="566"/>
            <ac:picMk id="4" creationId="{05CBE1E0-53E1-46B6-A709-DB421C622777}"/>
          </ac:picMkLst>
        </pc:picChg>
      </pc:sldChg>
      <pc:sldChg chg="addSp delSp modSp new mod ord modAnim">
        <pc:chgData name="Merve Turhan" userId="3594cd17-5953-4511-8d53-8cfc799250e7" providerId="ADAL" clId="{BF5ADAB4-0F28-4547-BB12-022566EFD8A6}" dt="2022-06-17T06:50:43.121" v="1584" actId="14100"/>
        <pc:sldMkLst>
          <pc:docMk/>
          <pc:sldMk cId="3067544362" sldId="567"/>
        </pc:sldMkLst>
        <pc:spChg chg="mod">
          <ac:chgData name="Merve Turhan" userId="3594cd17-5953-4511-8d53-8cfc799250e7" providerId="ADAL" clId="{BF5ADAB4-0F28-4547-BB12-022566EFD8A6}" dt="2022-06-16T16:13:01.496" v="1108" actId="20577"/>
          <ac:spMkLst>
            <pc:docMk/>
            <pc:sldMk cId="3067544362" sldId="567"/>
            <ac:spMk id="2" creationId="{AF3FD217-773D-4A97-9C2C-7B27AD362391}"/>
          </ac:spMkLst>
        </pc:spChg>
        <pc:spChg chg="del">
          <ac:chgData name="Merve Turhan" userId="3594cd17-5953-4511-8d53-8cfc799250e7" providerId="ADAL" clId="{BF5ADAB4-0F28-4547-BB12-022566EFD8A6}" dt="2022-06-15T21:05:16.883" v="226"/>
          <ac:spMkLst>
            <pc:docMk/>
            <pc:sldMk cId="3067544362" sldId="567"/>
            <ac:spMk id="3" creationId="{56C1905A-7E41-4AF4-A20F-DB76372DD381}"/>
          </ac:spMkLst>
        </pc:spChg>
        <pc:picChg chg="add mod">
          <ac:chgData name="Merve Turhan" userId="3594cd17-5953-4511-8d53-8cfc799250e7" providerId="ADAL" clId="{BF5ADAB4-0F28-4547-BB12-022566EFD8A6}" dt="2022-06-17T06:50:43.121" v="1584" actId="14100"/>
          <ac:picMkLst>
            <pc:docMk/>
            <pc:sldMk cId="3067544362" sldId="567"/>
            <ac:picMk id="4" creationId="{AE8F93E9-BDC3-47BF-A49C-E09F53172A50}"/>
          </ac:picMkLst>
        </pc:picChg>
      </pc:sldChg>
      <pc:sldChg chg="addSp delSp modSp add del mod delAnim modShow">
        <pc:chgData name="Merve Turhan" userId="3594cd17-5953-4511-8d53-8cfc799250e7" providerId="ADAL" clId="{BF5ADAB4-0F28-4547-BB12-022566EFD8A6}" dt="2022-06-17T07:20:27.265" v="1768" actId="47"/>
        <pc:sldMkLst>
          <pc:docMk/>
          <pc:sldMk cId="2116280814" sldId="568"/>
        </pc:sldMkLst>
        <pc:spChg chg="add mod">
          <ac:chgData name="Merve Turhan" userId="3594cd17-5953-4511-8d53-8cfc799250e7" providerId="ADAL" clId="{BF5ADAB4-0F28-4547-BB12-022566EFD8A6}" dt="2022-06-15T21:07:16.571" v="290" actId="20577"/>
          <ac:spMkLst>
            <pc:docMk/>
            <pc:sldMk cId="2116280814" sldId="568"/>
            <ac:spMk id="4" creationId="{166D6718-EA6E-4E7A-9E59-FF05621529F4}"/>
          </ac:spMkLst>
        </pc:spChg>
        <pc:spChg chg="del mod">
          <ac:chgData name="Merve Turhan" userId="3594cd17-5953-4511-8d53-8cfc799250e7" providerId="ADAL" clId="{BF5ADAB4-0F28-4547-BB12-022566EFD8A6}" dt="2022-06-15T21:06:04.824" v="234" actId="478"/>
          <ac:spMkLst>
            <pc:docMk/>
            <pc:sldMk cId="2116280814" sldId="568"/>
            <ac:spMk id="11" creationId="{FBC07123-895E-4C38-8E5D-BFA0BAE97C07}"/>
          </ac:spMkLst>
        </pc:spChg>
        <pc:spChg chg="del">
          <ac:chgData name="Merve Turhan" userId="3594cd17-5953-4511-8d53-8cfc799250e7" providerId="ADAL" clId="{BF5ADAB4-0F28-4547-BB12-022566EFD8A6}" dt="2022-06-15T21:06:06.851" v="235" actId="478"/>
          <ac:spMkLst>
            <pc:docMk/>
            <pc:sldMk cId="2116280814" sldId="568"/>
            <ac:spMk id="12" creationId="{B15D11D8-699E-42F1-8CED-BFCDCF22D45E}"/>
          </ac:spMkLst>
        </pc:spChg>
        <pc:picChg chg="del">
          <ac:chgData name="Merve Turhan" userId="3594cd17-5953-4511-8d53-8cfc799250e7" providerId="ADAL" clId="{BF5ADAB4-0F28-4547-BB12-022566EFD8A6}" dt="2022-06-15T21:06:00.867" v="232" actId="478"/>
          <ac:picMkLst>
            <pc:docMk/>
            <pc:sldMk cId="2116280814" sldId="568"/>
            <ac:picMk id="6" creationId="{0818F591-8E05-4BA0-B8C5-0498FC8BAE78}"/>
          </ac:picMkLst>
        </pc:picChg>
        <pc:picChg chg="mod">
          <ac:chgData name="Merve Turhan" userId="3594cd17-5953-4511-8d53-8cfc799250e7" providerId="ADAL" clId="{BF5ADAB4-0F28-4547-BB12-022566EFD8A6}" dt="2022-06-15T21:06:18.187" v="238" actId="1076"/>
          <ac:picMkLst>
            <pc:docMk/>
            <pc:sldMk cId="2116280814" sldId="568"/>
            <ac:picMk id="7" creationId="{437E60D2-69AF-481A-A5F9-1B7EABEE4133}"/>
          </ac:picMkLst>
        </pc:picChg>
      </pc:sldChg>
      <pc:sldChg chg="addSp modSp new del mod modShow">
        <pc:chgData name="Merve Turhan" userId="3594cd17-5953-4511-8d53-8cfc799250e7" providerId="ADAL" clId="{BF5ADAB4-0F28-4547-BB12-022566EFD8A6}" dt="2022-06-17T07:20:28.220" v="1769" actId="47"/>
        <pc:sldMkLst>
          <pc:docMk/>
          <pc:sldMk cId="2548632141" sldId="569"/>
        </pc:sldMkLst>
        <pc:spChg chg="mod">
          <ac:chgData name="Merve Turhan" userId="3594cd17-5953-4511-8d53-8cfc799250e7" providerId="ADAL" clId="{BF5ADAB4-0F28-4547-BB12-022566EFD8A6}" dt="2022-06-16T16:04:22.761" v="1078" actId="14100"/>
          <ac:spMkLst>
            <pc:docMk/>
            <pc:sldMk cId="2548632141" sldId="569"/>
            <ac:spMk id="2" creationId="{5812B227-F41E-46B2-B8FA-1699B3E44400}"/>
          </ac:spMkLst>
        </pc:spChg>
        <pc:spChg chg="mod">
          <ac:chgData name="Merve Turhan" userId="3594cd17-5953-4511-8d53-8cfc799250e7" providerId="ADAL" clId="{BF5ADAB4-0F28-4547-BB12-022566EFD8A6}" dt="2022-06-16T16:04:06.273" v="1058" actId="255"/>
          <ac:spMkLst>
            <pc:docMk/>
            <pc:sldMk cId="2548632141" sldId="569"/>
            <ac:spMk id="3" creationId="{49FD6C84-F875-4267-A787-B4D8382DB2B2}"/>
          </ac:spMkLst>
        </pc:spChg>
        <pc:spChg chg="add mod">
          <ac:chgData name="Merve Turhan" userId="3594cd17-5953-4511-8d53-8cfc799250e7" providerId="ADAL" clId="{BF5ADAB4-0F28-4547-BB12-022566EFD8A6}" dt="2022-06-16T16:04:58.698" v="1090" actId="2711"/>
          <ac:spMkLst>
            <pc:docMk/>
            <pc:sldMk cId="2548632141" sldId="569"/>
            <ac:spMk id="4" creationId="{09C3E2EB-29E4-4E31-AB97-2635702322DE}"/>
          </ac:spMkLst>
        </pc:spChg>
      </pc:sldChg>
      <pc:sldChg chg="modSp new del mod">
        <pc:chgData name="Merve Turhan" userId="3594cd17-5953-4511-8d53-8cfc799250e7" providerId="ADAL" clId="{BF5ADAB4-0F28-4547-BB12-022566EFD8A6}" dt="2022-06-16T11:50:15.616" v="1024" actId="47"/>
        <pc:sldMkLst>
          <pc:docMk/>
          <pc:sldMk cId="1703294942" sldId="570"/>
        </pc:sldMkLst>
        <pc:spChg chg="mod">
          <ac:chgData name="Merve Turhan" userId="3594cd17-5953-4511-8d53-8cfc799250e7" providerId="ADAL" clId="{BF5ADAB4-0F28-4547-BB12-022566EFD8A6}" dt="2022-06-15T21:09:48.116" v="396" actId="20577"/>
          <ac:spMkLst>
            <pc:docMk/>
            <pc:sldMk cId="1703294942" sldId="570"/>
            <ac:spMk id="2" creationId="{15FC7BA9-4002-4E0B-864C-486B2825C2B1}"/>
          </ac:spMkLst>
        </pc:spChg>
        <pc:spChg chg="mod">
          <ac:chgData name="Merve Turhan" userId="3594cd17-5953-4511-8d53-8cfc799250e7" providerId="ADAL" clId="{BF5ADAB4-0F28-4547-BB12-022566EFD8A6}" dt="2022-06-16T11:50:13.588" v="1023" actId="21"/>
          <ac:spMkLst>
            <pc:docMk/>
            <pc:sldMk cId="1703294942" sldId="570"/>
            <ac:spMk id="3" creationId="{6CF1B019-992D-4E23-81AB-D49B562344F3}"/>
          </ac:spMkLst>
        </pc:spChg>
      </pc:sldChg>
      <pc:sldChg chg="modSp new del mod modShow">
        <pc:chgData name="Merve Turhan" userId="3594cd17-5953-4511-8d53-8cfc799250e7" providerId="ADAL" clId="{BF5ADAB4-0F28-4547-BB12-022566EFD8A6}" dt="2022-06-17T07:20:30.757" v="1770" actId="47"/>
        <pc:sldMkLst>
          <pc:docMk/>
          <pc:sldMk cId="3776738177" sldId="571"/>
        </pc:sldMkLst>
        <pc:spChg chg="mod">
          <ac:chgData name="Merve Turhan" userId="3594cd17-5953-4511-8d53-8cfc799250e7" providerId="ADAL" clId="{BF5ADAB4-0F28-4547-BB12-022566EFD8A6}" dt="2022-06-15T21:12:14.602" v="478" actId="5793"/>
          <ac:spMkLst>
            <pc:docMk/>
            <pc:sldMk cId="3776738177" sldId="571"/>
            <ac:spMk id="2" creationId="{E9BD41A5-2348-4D11-B80E-914FD1678D60}"/>
          </ac:spMkLst>
        </pc:spChg>
        <pc:spChg chg="mod">
          <ac:chgData name="Merve Turhan" userId="3594cd17-5953-4511-8d53-8cfc799250e7" providerId="ADAL" clId="{BF5ADAB4-0F28-4547-BB12-022566EFD8A6}" dt="2022-06-16T07:12:05.557" v="889" actId="20577"/>
          <ac:spMkLst>
            <pc:docMk/>
            <pc:sldMk cId="3776738177" sldId="571"/>
            <ac:spMk id="3" creationId="{C60CE761-AB91-4B7D-876E-751D7C53CDED}"/>
          </ac:spMkLst>
        </pc:spChg>
      </pc:sldChg>
      <pc:sldChg chg="modSp new del mod ord modNotesTx">
        <pc:chgData name="Merve Turhan" userId="3594cd17-5953-4511-8d53-8cfc799250e7" providerId="ADAL" clId="{BF5ADAB4-0F28-4547-BB12-022566EFD8A6}" dt="2022-06-19T07:42:04.451" v="2288" actId="47"/>
        <pc:sldMkLst>
          <pc:docMk/>
          <pc:sldMk cId="1670713344" sldId="572"/>
        </pc:sldMkLst>
        <pc:spChg chg="mod">
          <ac:chgData name="Merve Turhan" userId="3594cd17-5953-4511-8d53-8cfc799250e7" providerId="ADAL" clId="{BF5ADAB4-0F28-4547-BB12-022566EFD8A6}" dt="2022-06-16T17:29:54.696" v="1480" actId="20577"/>
          <ac:spMkLst>
            <pc:docMk/>
            <pc:sldMk cId="1670713344" sldId="572"/>
            <ac:spMk id="2" creationId="{07B2041B-080F-4B4F-B35B-BFAD0BDD1B63}"/>
          </ac:spMkLst>
        </pc:spChg>
        <pc:spChg chg="mod">
          <ac:chgData name="Merve Turhan" userId="3594cd17-5953-4511-8d53-8cfc799250e7" providerId="ADAL" clId="{BF5ADAB4-0F28-4547-BB12-022566EFD8A6}" dt="2022-06-17T09:11:30.737" v="2122" actId="20577"/>
          <ac:spMkLst>
            <pc:docMk/>
            <pc:sldMk cId="1670713344" sldId="572"/>
            <ac:spMk id="3" creationId="{78CC4CBF-7F47-4C01-81FA-729052729DDA}"/>
          </ac:spMkLst>
        </pc:spChg>
      </pc:sldChg>
      <pc:sldChg chg="del">
        <pc:chgData name="Merve Turhan" userId="3594cd17-5953-4511-8d53-8cfc799250e7" providerId="ADAL" clId="{BF5ADAB4-0F28-4547-BB12-022566EFD8A6}" dt="2022-06-19T07:42:31.316" v="2289" actId="47"/>
        <pc:sldMkLst>
          <pc:docMk/>
          <pc:sldMk cId="3956666210" sldId="573"/>
        </pc:sldMkLst>
      </pc:sldChg>
      <pc:sldChg chg="add">
        <pc:chgData name="Merve Turhan" userId="3594cd17-5953-4511-8d53-8cfc799250e7" providerId="ADAL" clId="{BF5ADAB4-0F28-4547-BB12-022566EFD8A6}" dt="2022-06-19T07:41:45.383" v="2287"/>
        <pc:sldMkLst>
          <pc:docMk/>
          <pc:sldMk cId="3731307744" sldId="574"/>
        </pc:sldMkLst>
      </pc:sldChg>
      <pc:sldMasterChg chg="modSldLayout">
        <pc:chgData name="Merve Turhan" userId="3594cd17-5953-4511-8d53-8cfc799250e7" providerId="ADAL" clId="{BF5ADAB4-0F28-4547-BB12-022566EFD8A6}" dt="2022-06-23T12:49:50.263" v="2626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BF5ADAB4-0F28-4547-BB12-022566EFD8A6}" dt="2022-06-23T12:49:49.984" v="2466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BF5ADAB4-0F28-4547-BB12-022566EFD8A6}" dt="2022-06-23T12:49:49.984" v="2466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49.984" v="2474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BF5ADAB4-0F28-4547-BB12-022566EFD8A6}" dt="2022-06-23T12:49:49.984" v="2474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01" v="2478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BF5ADAB4-0F28-4547-BB12-022566EFD8A6}" dt="2022-06-23T12:49:50.001" v="2478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01" v="2482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BF5ADAB4-0F28-4547-BB12-022566EFD8A6}" dt="2022-06-23T12:49:50.001" v="2482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01" v="2486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BF5ADAB4-0F28-4547-BB12-022566EFD8A6}" dt="2022-06-23T12:49:50.001" v="2486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17" v="2490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BF5ADAB4-0F28-4547-BB12-022566EFD8A6}" dt="2022-06-23T12:49:50.017" v="2490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17" v="2494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BF5ADAB4-0F28-4547-BB12-022566EFD8A6}" dt="2022-06-23T12:49:50.017" v="2494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34" v="2498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BF5ADAB4-0F28-4547-BB12-022566EFD8A6}" dt="2022-06-23T12:49:50.034" v="2498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39" v="2502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BF5ADAB4-0F28-4547-BB12-022566EFD8A6}" dt="2022-06-23T12:49:50.039" v="2502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43" v="2506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BF5ADAB4-0F28-4547-BB12-022566EFD8A6}" dt="2022-06-23T12:49:50.043" v="2506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43" v="2510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BF5ADAB4-0F28-4547-BB12-022566EFD8A6}" dt="2022-06-23T12:49:50.043" v="2510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62" v="2518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BF5ADAB4-0F28-4547-BB12-022566EFD8A6}" dt="2022-06-23T12:49:50.062" v="2518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06" v="2550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BF5ADAB4-0F28-4547-BB12-022566EFD8A6}" dt="2022-06-23T12:49:50.106" v="2550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56" v="2578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BF5ADAB4-0F28-4547-BB12-022566EFD8A6}" dt="2022-06-23T12:49:50.156" v="2578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56" v="2582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BF5ADAB4-0F28-4547-BB12-022566EFD8A6}" dt="2022-06-23T12:49:50.156" v="2582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18" v="2606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BF5ADAB4-0F28-4547-BB12-022566EFD8A6}" dt="2022-06-23T12:49:50.218" v="2606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18" v="2610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BF5ADAB4-0F28-4547-BB12-022566EFD8A6}" dt="2022-06-23T12:49:50.218" v="2610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30" v="2614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BF5ADAB4-0F28-4547-BB12-022566EFD8A6}" dt="2022-06-23T12:49:50.230" v="2614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30" v="2618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BF5ADAB4-0F28-4547-BB12-022566EFD8A6}" dt="2022-06-23T12:49:50.230" v="2618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63" v="2626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BF5ADAB4-0F28-4547-BB12-022566EFD8A6}" dt="2022-06-23T12:49:50.263" v="2626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23" v="2562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BF5ADAB4-0F28-4547-BB12-022566EFD8A6}" dt="2022-06-23T12:49:50.123" v="2562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23" v="2566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BF5ADAB4-0F28-4547-BB12-022566EFD8A6}" dt="2022-06-23T12:49:50.123" v="2566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39" v="2570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BF5ADAB4-0F28-4547-BB12-022566EFD8A6}" dt="2022-06-23T12:49:50.139" v="2570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39" v="2574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BF5ADAB4-0F28-4547-BB12-022566EFD8A6}" dt="2022-06-23T12:49:50.139" v="2574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73" v="2586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BF5ADAB4-0F28-4547-BB12-022566EFD8A6}" dt="2022-06-23T12:49:50.173" v="2586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84" v="2590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BF5ADAB4-0F28-4547-BB12-022566EFD8A6}" dt="2022-06-23T12:49:50.184" v="2590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84" v="2594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BF5ADAB4-0F28-4547-BB12-022566EFD8A6}" dt="2022-06-23T12:49:50.184" v="2594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84" v="2598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BF5ADAB4-0F28-4547-BB12-022566EFD8A6}" dt="2022-06-23T12:49:50.184" v="2598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54" v="2622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BF5ADAB4-0F28-4547-BB12-022566EFD8A6}" dt="2022-06-23T12:49:50.254" v="2622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62" v="2514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BF5ADAB4-0F28-4547-BB12-022566EFD8A6}" dt="2022-06-23T12:49:50.062" v="2514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49.984" v="2470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BF5ADAB4-0F28-4547-BB12-022566EFD8A6}" dt="2022-06-23T12:49:49.984" v="2470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23" v="2558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BF5ADAB4-0F28-4547-BB12-022566EFD8A6}" dt="2022-06-23T12:49:50.123" v="2558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01" v="2602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BF5ADAB4-0F28-4547-BB12-022566EFD8A6}" dt="2022-06-23T12:49:50.201" v="2602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62" v="2522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BF5ADAB4-0F28-4547-BB12-022566EFD8A6}" dt="2022-06-23T12:49:50.062" v="2522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79" v="2526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BF5ADAB4-0F28-4547-BB12-022566EFD8A6}" dt="2022-06-23T12:49:50.079" v="2526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84" v="2530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BF5ADAB4-0F28-4547-BB12-022566EFD8A6}" dt="2022-06-23T12:49:50.084" v="2530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89" v="2534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BF5ADAB4-0F28-4547-BB12-022566EFD8A6}" dt="2022-06-23T12:49:50.089" v="2534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89" v="2538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BF5ADAB4-0F28-4547-BB12-022566EFD8A6}" dt="2022-06-23T12:49:50.089" v="2538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89" v="2542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BF5ADAB4-0F28-4547-BB12-022566EFD8A6}" dt="2022-06-23T12:49:50.089" v="2542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06" v="2546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BF5ADAB4-0F28-4547-BB12-022566EFD8A6}" dt="2022-06-23T12:49:50.106" v="2546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06" v="2554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BF5ADAB4-0F28-4547-BB12-022566EFD8A6}" dt="2022-06-23T12:49:50.106" v="2554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D92ED4AD-D01E-4CEB-9FF1-ABB4609BA50F}"/>
    <pc:docChg chg="undo redo custSel addSld delSld modSld sldOrd modMainMaster">
      <pc:chgData name="Merve Turhan" userId="3594cd17-5953-4511-8d53-8cfc799250e7" providerId="ADAL" clId="{D92ED4AD-D01E-4CEB-9FF1-ABB4609BA50F}" dt="2022-10-04T16:20:28.290" v="3899" actId="20577"/>
      <pc:docMkLst>
        <pc:docMk/>
      </pc:docMkLst>
      <pc:sldChg chg="del ord">
        <pc:chgData name="Merve Turhan" userId="3594cd17-5953-4511-8d53-8cfc799250e7" providerId="ADAL" clId="{D92ED4AD-D01E-4CEB-9FF1-ABB4609BA50F}" dt="2022-10-04T01:02:07.694" v="2235" actId="47"/>
        <pc:sldMkLst>
          <pc:docMk/>
          <pc:sldMk cId="2013701143" sldId="279"/>
        </pc:sldMkLst>
      </pc:sldChg>
      <pc:sldChg chg="del mod modShow">
        <pc:chgData name="Merve Turhan" userId="3594cd17-5953-4511-8d53-8cfc799250e7" providerId="ADAL" clId="{D92ED4AD-D01E-4CEB-9FF1-ABB4609BA50F}" dt="2022-10-03T14:23:33.256" v="2210" actId="47"/>
        <pc:sldMkLst>
          <pc:docMk/>
          <pc:sldMk cId="1112123526" sldId="285"/>
        </pc:sldMkLst>
      </pc:sldChg>
      <pc:sldChg chg="add del">
        <pc:chgData name="Merve Turhan" userId="3594cd17-5953-4511-8d53-8cfc799250e7" providerId="ADAL" clId="{D92ED4AD-D01E-4CEB-9FF1-ABB4609BA50F}" dt="2022-10-04T00:57:37.280" v="2225" actId="47"/>
        <pc:sldMkLst>
          <pc:docMk/>
          <pc:sldMk cId="1059806586" sldId="289"/>
        </pc:sldMkLst>
      </pc:sldChg>
      <pc:sldChg chg="modSp del mod modAnim">
        <pc:chgData name="Merve Turhan" userId="3594cd17-5953-4511-8d53-8cfc799250e7" providerId="ADAL" clId="{D92ED4AD-D01E-4CEB-9FF1-ABB4609BA50F}" dt="2022-10-04T00:57:41.324" v="2226" actId="47"/>
        <pc:sldMkLst>
          <pc:docMk/>
          <pc:sldMk cId="1230394214" sldId="292"/>
        </pc:sldMkLst>
        <pc:spChg chg="mod">
          <ac:chgData name="Merve Turhan" userId="3594cd17-5953-4511-8d53-8cfc799250e7" providerId="ADAL" clId="{D92ED4AD-D01E-4CEB-9FF1-ABB4609BA50F}" dt="2022-09-24T18:25:38.727" v="2039" actId="1076"/>
          <ac:spMkLst>
            <pc:docMk/>
            <pc:sldMk cId="1230394214" sldId="292"/>
            <ac:spMk id="3" creationId="{C8328C16-31B5-4F52-AA9D-3BB35B224ABB}"/>
          </ac:spMkLst>
        </pc:spChg>
      </pc:sldChg>
      <pc:sldChg chg="modSp mod ord">
        <pc:chgData name="Merve Turhan" userId="3594cd17-5953-4511-8d53-8cfc799250e7" providerId="ADAL" clId="{D92ED4AD-D01E-4CEB-9FF1-ABB4609BA50F}" dt="2022-10-04T08:02:38.142" v="2760" actId="790"/>
        <pc:sldMkLst>
          <pc:docMk/>
          <pc:sldMk cId="2125387437" sldId="491"/>
        </pc:sldMkLst>
        <pc:spChg chg="mod">
          <ac:chgData name="Merve Turhan" userId="3594cd17-5953-4511-8d53-8cfc799250e7" providerId="ADAL" clId="{D92ED4AD-D01E-4CEB-9FF1-ABB4609BA50F}" dt="2022-10-04T08:02:38.142" v="2754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D92ED4AD-D01E-4CEB-9FF1-ABB4609BA50F}" dt="2022-10-04T08:02:38.142" v="2755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D92ED4AD-D01E-4CEB-9FF1-ABB4609BA50F}" dt="2022-10-04T08:02:38.142" v="2756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D92ED4AD-D01E-4CEB-9FF1-ABB4609BA50F}" dt="2022-10-04T08:02:38.142" v="2757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D92ED4AD-D01E-4CEB-9FF1-ABB4609BA50F}" dt="2022-10-04T08:02:38.142" v="2758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D92ED4AD-D01E-4CEB-9FF1-ABB4609BA50F}" dt="2022-10-04T08:02:38.142" v="2759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D92ED4AD-D01E-4CEB-9FF1-ABB4609BA50F}" dt="2022-10-04T08:02:38.142" v="2760" actId="790"/>
          <ac:spMkLst>
            <pc:docMk/>
            <pc:sldMk cId="2125387437" sldId="491"/>
            <ac:spMk id="86" creationId="{881A8DC3-4C8F-42E9-BD08-9AC9D66EFDE1}"/>
          </ac:spMkLst>
        </pc:spChg>
      </pc:sldChg>
      <pc:sldChg chg="modSp mod ord">
        <pc:chgData name="Merve Turhan" userId="3594cd17-5953-4511-8d53-8cfc799250e7" providerId="ADAL" clId="{D92ED4AD-D01E-4CEB-9FF1-ABB4609BA50F}" dt="2022-10-04T08:02:38.142" v="2762" actId="790"/>
        <pc:sldMkLst>
          <pc:docMk/>
          <pc:sldMk cId="3526453984" sldId="492"/>
        </pc:sldMkLst>
        <pc:spChg chg="mod">
          <ac:chgData name="Merve Turhan" userId="3594cd17-5953-4511-8d53-8cfc799250e7" providerId="ADAL" clId="{D92ED4AD-D01E-4CEB-9FF1-ABB4609BA50F}" dt="2022-10-04T08:02:38.142" v="2761" actId="790"/>
          <ac:spMkLst>
            <pc:docMk/>
            <pc:sldMk cId="3526453984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D92ED4AD-D01E-4CEB-9FF1-ABB4609BA50F}" dt="2022-10-04T08:02:38.142" v="2762" actId="790"/>
          <ac:spMkLst>
            <pc:docMk/>
            <pc:sldMk cId="3526453984" sldId="492"/>
            <ac:spMk id="3" creationId="{E912B625-664A-4682-A8C2-487112DC98B6}"/>
          </ac:spMkLst>
        </pc:spChg>
      </pc:sldChg>
      <pc:sldChg chg="modSp mod">
        <pc:chgData name="Merve Turhan" userId="3594cd17-5953-4511-8d53-8cfc799250e7" providerId="ADAL" clId="{D92ED4AD-D01E-4CEB-9FF1-ABB4609BA50F}" dt="2022-10-04T08:02:38.178" v="2815"/>
        <pc:sldMkLst>
          <pc:docMk/>
          <pc:sldMk cId="1207694637" sldId="496"/>
        </pc:sldMkLst>
        <pc:spChg chg="mod">
          <ac:chgData name="Merve Turhan" userId="3594cd17-5953-4511-8d53-8cfc799250e7" providerId="ADAL" clId="{D92ED4AD-D01E-4CEB-9FF1-ABB4609BA50F}" dt="2022-10-04T08:02:38.178" v="2813" actId="790"/>
          <ac:spMkLst>
            <pc:docMk/>
            <pc:sldMk cId="1207694637" sldId="496"/>
            <ac:spMk id="2" creationId="{5552E3F4-9A06-4671-B090-DF3C6F71903B}"/>
          </ac:spMkLst>
        </pc:spChg>
        <pc:spChg chg="mod">
          <ac:chgData name="Merve Turhan" userId="3594cd17-5953-4511-8d53-8cfc799250e7" providerId="ADAL" clId="{D92ED4AD-D01E-4CEB-9FF1-ABB4609BA50F}" dt="2022-10-04T08:02:38.178" v="2814" actId="790"/>
          <ac:spMkLst>
            <pc:docMk/>
            <pc:sldMk cId="1207694637" sldId="496"/>
            <ac:spMk id="11" creationId="{40DF9E16-FDDF-4F36-92F7-2C33F6D7DA15}"/>
          </ac:spMkLst>
        </pc:spChg>
        <pc:spChg chg="mod">
          <ac:chgData name="Merve Turhan" userId="3594cd17-5953-4511-8d53-8cfc799250e7" providerId="ADAL" clId="{D92ED4AD-D01E-4CEB-9FF1-ABB4609BA50F}" dt="2022-10-04T08:02:38.178" v="2815"/>
          <ac:spMkLst>
            <pc:docMk/>
            <pc:sldMk cId="1207694637" sldId="496"/>
            <ac:spMk id="12" creationId="{D643F25B-8492-4DBB-97E5-26AEE18BC390}"/>
          </ac:spMkLst>
        </pc:spChg>
      </pc:sldChg>
      <pc:sldChg chg="del">
        <pc:chgData name="Merve Turhan" userId="3594cd17-5953-4511-8d53-8cfc799250e7" providerId="ADAL" clId="{D92ED4AD-D01E-4CEB-9FF1-ABB4609BA50F}" dt="2022-10-04T01:02:13.108" v="2236" actId="47"/>
        <pc:sldMkLst>
          <pc:docMk/>
          <pc:sldMk cId="3437026346" sldId="501"/>
        </pc:sldMkLst>
      </pc:sldChg>
      <pc:sldChg chg="del mod modShow">
        <pc:chgData name="Merve Turhan" userId="3594cd17-5953-4511-8d53-8cfc799250e7" providerId="ADAL" clId="{D92ED4AD-D01E-4CEB-9FF1-ABB4609BA50F}" dt="2022-10-03T14:23:28.972" v="2206" actId="47"/>
        <pc:sldMkLst>
          <pc:docMk/>
          <pc:sldMk cId="7423119" sldId="503"/>
        </pc:sldMkLst>
      </pc:sldChg>
      <pc:sldChg chg="add del mod modShow">
        <pc:chgData name="Merve Turhan" userId="3594cd17-5953-4511-8d53-8cfc799250e7" providerId="ADAL" clId="{D92ED4AD-D01E-4CEB-9FF1-ABB4609BA50F}" dt="2022-10-03T14:23:34.350" v="2211" actId="47"/>
        <pc:sldMkLst>
          <pc:docMk/>
          <pc:sldMk cId="3262218141" sldId="512"/>
        </pc:sldMkLst>
      </pc:sldChg>
      <pc:sldChg chg="add del">
        <pc:chgData name="Merve Turhan" userId="3594cd17-5953-4511-8d53-8cfc799250e7" providerId="ADAL" clId="{D92ED4AD-D01E-4CEB-9FF1-ABB4609BA50F}" dt="2022-10-04T00:57:36.200" v="2224" actId="47"/>
        <pc:sldMkLst>
          <pc:docMk/>
          <pc:sldMk cId="2291861504" sldId="531"/>
        </pc:sldMkLst>
      </pc:sldChg>
      <pc:sldChg chg="modSp mod modAnim">
        <pc:chgData name="Merve Turhan" userId="3594cd17-5953-4511-8d53-8cfc799250e7" providerId="ADAL" clId="{D92ED4AD-D01E-4CEB-9FF1-ABB4609BA50F}" dt="2022-10-04T08:58:36.508" v="3712" actId="255"/>
        <pc:sldMkLst>
          <pc:docMk/>
          <pc:sldMk cId="2411121823" sldId="533"/>
        </pc:sldMkLst>
        <pc:spChg chg="mod">
          <ac:chgData name="Merve Turhan" userId="3594cd17-5953-4511-8d53-8cfc799250e7" providerId="ADAL" clId="{D92ED4AD-D01E-4CEB-9FF1-ABB4609BA50F}" dt="2022-10-04T08:02:38.162" v="2804" actId="790"/>
          <ac:spMkLst>
            <pc:docMk/>
            <pc:sldMk cId="2411121823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D92ED4AD-D01E-4CEB-9FF1-ABB4609BA50F}" dt="2022-10-04T08:58:36.508" v="3712" actId="255"/>
          <ac:spMkLst>
            <pc:docMk/>
            <pc:sldMk cId="2411121823" sldId="533"/>
            <ac:spMk id="3" creationId="{C78F839D-CE16-4592-A70C-94B51B118806}"/>
          </ac:spMkLst>
        </pc:spChg>
        <pc:spChg chg="mod">
          <ac:chgData name="Merve Turhan" userId="3594cd17-5953-4511-8d53-8cfc799250e7" providerId="ADAL" clId="{D92ED4AD-D01E-4CEB-9FF1-ABB4609BA50F}" dt="2022-10-04T08:02:38.162" v="2806"/>
          <ac:spMkLst>
            <pc:docMk/>
            <pc:sldMk cId="2411121823" sldId="533"/>
            <ac:spMk id="4" creationId="{DD94BF31-1258-4303-9A0A-A7FD66A1B125}"/>
          </ac:spMkLst>
        </pc:spChg>
        <pc:spChg chg="mod">
          <ac:chgData name="Merve Turhan" userId="3594cd17-5953-4511-8d53-8cfc799250e7" providerId="ADAL" clId="{D92ED4AD-D01E-4CEB-9FF1-ABB4609BA50F}" dt="2022-10-04T08:02:38.162" v="2807" actId="790"/>
          <ac:spMkLst>
            <pc:docMk/>
            <pc:sldMk cId="2411121823" sldId="533"/>
            <ac:spMk id="5" creationId="{AF91D215-C154-4E98-B8AB-702658B245C8}"/>
          </ac:spMkLst>
        </pc:spChg>
      </pc:sldChg>
      <pc:sldChg chg="del">
        <pc:chgData name="Merve Turhan" userId="3594cd17-5953-4511-8d53-8cfc799250e7" providerId="ADAL" clId="{D92ED4AD-D01E-4CEB-9FF1-ABB4609BA50F}" dt="2022-10-04T01:02:16.042" v="2237" actId="47"/>
        <pc:sldMkLst>
          <pc:docMk/>
          <pc:sldMk cId="1480844513" sldId="534"/>
        </pc:sldMkLst>
      </pc:sldChg>
      <pc:sldChg chg="del mod modShow">
        <pc:chgData name="Merve Turhan" userId="3594cd17-5953-4511-8d53-8cfc799250e7" providerId="ADAL" clId="{D92ED4AD-D01E-4CEB-9FF1-ABB4609BA50F}" dt="2022-10-03T14:23:35.960" v="2213" actId="47"/>
        <pc:sldMkLst>
          <pc:docMk/>
          <pc:sldMk cId="1973130496" sldId="535"/>
        </pc:sldMkLst>
      </pc:sldChg>
      <pc:sldChg chg="modSp mod">
        <pc:chgData name="Merve Turhan" userId="3594cd17-5953-4511-8d53-8cfc799250e7" providerId="ADAL" clId="{D92ED4AD-D01E-4CEB-9FF1-ABB4609BA50F}" dt="2022-10-04T08:02:38.210" v="2847" actId="790"/>
        <pc:sldMkLst>
          <pc:docMk/>
          <pc:sldMk cId="3883732232" sldId="536"/>
        </pc:sldMkLst>
        <pc:spChg chg="mod">
          <ac:chgData name="Merve Turhan" userId="3594cd17-5953-4511-8d53-8cfc799250e7" providerId="ADAL" clId="{D92ED4AD-D01E-4CEB-9FF1-ABB4609BA50F}" dt="2022-10-04T08:02:38.210" v="2847" actId="790"/>
          <ac:spMkLst>
            <pc:docMk/>
            <pc:sldMk cId="3883732232" sldId="536"/>
            <ac:spMk id="64" creationId="{AC9BCFD3-978E-4554-BD1C-965D5CB32FFD}"/>
          </ac:spMkLst>
        </pc:spChg>
      </pc:sldChg>
      <pc:sldChg chg="del mod modShow">
        <pc:chgData name="Merve Turhan" userId="3594cd17-5953-4511-8d53-8cfc799250e7" providerId="ADAL" clId="{D92ED4AD-D01E-4CEB-9FF1-ABB4609BA50F}" dt="2022-10-03T14:23:32.205" v="2209" actId="47"/>
        <pc:sldMkLst>
          <pc:docMk/>
          <pc:sldMk cId="3032936771" sldId="538"/>
        </pc:sldMkLst>
      </pc:sldChg>
      <pc:sldChg chg="modSp mod">
        <pc:chgData name="Merve Turhan" userId="3594cd17-5953-4511-8d53-8cfc799250e7" providerId="ADAL" clId="{D92ED4AD-D01E-4CEB-9FF1-ABB4609BA50F}" dt="2022-10-04T08:02:38.159" v="2770"/>
        <pc:sldMkLst>
          <pc:docMk/>
          <pc:sldMk cId="2892264309" sldId="539"/>
        </pc:sldMkLst>
        <pc:spChg chg="mod">
          <ac:chgData name="Merve Turhan" userId="3594cd17-5953-4511-8d53-8cfc799250e7" providerId="ADAL" clId="{D92ED4AD-D01E-4CEB-9FF1-ABB4609BA50F}" dt="2022-10-04T08:02:38.142" v="2766" actId="790"/>
          <ac:spMkLst>
            <pc:docMk/>
            <pc:sldMk cId="2892264309" sldId="539"/>
            <ac:spMk id="2" creationId="{585734A3-2D83-4583-BB70-FB7D4792311D}"/>
          </ac:spMkLst>
        </pc:spChg>
        <pc:spChg chg="mod">
          <ac:chgData name="Merve Turhan" userId="3594cd17-5953-4511-8d53-8cfc799250e7" providerId="ADAL" clId="{D92ED4AD-D01E-4CEB-9FF1-ABB4609BA50F}" dt="2022-10-04T08:02:38.142" v="2767" actId="790"/>
          <ac:spMkLst>
            <pc:docMk/>
            <pc:sldMk cId="2892264309" sldId="539"/>
            <ac:spMk id="6" creationId="{41B7A93F-87A6-4C7B-BB5A-89757BA1A568}"/>
          </ac:spMkLst>
        </pc:spChg>
        <pc:spChg chg="mod">
          <ac:chgData name="Merve Turhan" userId="3594cd17-5953-4511-8d53-8cfc799250e7" providerId="ADAL" clId="{D92ED4AD-D01E-4CEB-9FF1-ABB4609BA50F}" dt="2022-10-04T08:02:38.159" v="2768" actId="790"/>
          <ac:spMkLst>
            <pc:docMk/>
            <pc:sldMk cId="2892264309" sldId="539"/>
            <ac:spMk id="7" creationId="{E24756D4-8135-4741-B3EA-5AF686A60A98}"/>
          </ac:spMkLst>
        </pc:spChg>
        <pc:spChg chg="mod">
          <ac:chgData name="Merve Turhan" userId="3594cd17-5953-4511-8d53-8cfc799250e7" providerId="ADAL" clId="{D92ED4AD-D01E-4CEB-9FF1-ABB4609BA50F}" dt="2022-10-04T08:02:38.159" v="2769"/>
          <ac:spMkLst>
            <pc:docMk/>
            <pc:sldMk cId="2892264309" sldId="539"/>
            <ac:spMk id="8" creationId="{0F857DFE-2EFE-4A13-89EF-8B3A57D46F36}"/>
          </ac:spMkLst>
        </pc:spChg>
        <pc:spChg chg="mod">
          <ac:chgData name="Merve Turhan" userId="3594cd17-5953-4511-8d53-8cfc799250e7" providerId="ADAL" clId="{D92ED4AD-D01E-4CEB-9FF1-ABB4609BA50F}" dt="2022-10-04T08:02:38.159" v="2770"/>
          <ac:spMkLst>
            <pc:docMk/>
            <pc:sldMk cId="2892264309" sldId="539"/>
            <ac:spMk id="9" creationId="{216D8602-3DBE-4ADC-B272-247184D2EAE6}"/>
          </ac:spMkLst>
        </pc:spChg>
      </pc:sldChg>
      <pc:sldChg chg="modSp mod">
        <pc:chgData name="Merve Turhan" userId="3594cd17-5953-4511-8d53-8cfc799250e7" providerId="ADAL" clId="{D92ED4AD-D01E-4CEB-9FF1-ABB4609BA50F}" dt="2022-10-04T08:02:38.162" v="2774" actId="790"/>
        <pc:sldMkLst>
          <pc:docMk/>
          <pc:sldMk cId="1598766672" sldId="540"/>
        </pc:sldMkLst>
        <pc:spChg chg="mod">
          <ac:chgData name="Merve Turhan" userId="3594cd17-5953-4511-8d53-8cfc799250e7" providerId="ADAL" clId="{D92ED4AD-D01E-4CEB-9FF1-ABB4609BA50F}" dt="2022-10-04T08:02:38.159" v="2771" actId="790"/>
          <ac:spMkLst>
            <pc:docMk/>
            <pc:sldMk cId="1598766672" sldId="540"/>
            <ac:spMk id="2" creationId="{585734A3-2D83-4583-BB70-FB7D4792311D}"/>
          </ac:spMkLst>
        </pc:spChg>
        <pc:spChg chg="mod">
          <ac:chgData name="Merve Turhan" userId="3594cd17-5953-4511-8d53-8cfc799250e7" providerId="ADAL" clId="{D92ED4AD-D01E-4CEB-9FF1-ABB4609BA50F}" dt="2022-10-04T08:02:38.159" v="2772" actId="790"/>
          <ac:spMkLst>
            <pc:docMk/>
            <pc:sldMk cId="1598766672" sldId="540"/>
            <ac:spMk id="7" creationId="{E24756D4-8135-4741-B3EA-5AF686A60A98}"/>
          </ac:spMkLst>
        </pc:spChg>
        <pc:spChg chg="mod">
          <ac:chgData name="Merve Turhan" userId="3594cd17-5953-4511-8d53-8cfc799250e7" providerId="ADAL" clId="{D92ED4AD-D01E-4CEB-9FF1-ABB4609BA50F}" dt="2022-10-04T08:02:38.162" v="2773" actId="790"/>
          <ac:spMkLst>
            <pc:docMk/>
            <pc:sldMk cId="1598766672" sldId="540"/>
            <ac:spMk id="8" creationId="{0F857DFE-2EFE-4A13-89EF-8B3A57D46F36}"/>
          </ac:spMkLst>
        </pc:spChg>
        <pc:spChg chg="mod">
          <ac:chgData name="Merve Turhan" userId="3594cd17-5953-4511-8d53-8cfc799250e7" providerId="ADAL" clId="{D92ED4AD-D01E-4CEB-9FF1-ABB4609BA50F}" dt="2022-10-04T08:02:38.162" v="2774" actId="790"/>
          <ac:spMkLst>
            <pc:docMk/>
            <pc:sldMk cId="1598766672" sldId="540"/>
            <ac:spMk id="9" creationId="{5AA41A38-F084-42CA-B814-D2B28A6D6F88}"/>
          </ac:spMkLst>
        </pc:spChg>
      </pc:sldChg>
      <pc:sldChg chg="modSp mod">
        <pc:chgData name="Merve Turhan" userId="3594cd17-5953-4511-8d53-8cfc799250e7" providerId="ADAL" clId="{D92ED4AD-D01E-4CEB-9FF1-ABB4609BA50F}" dt="2022-10-04T08:02:38.162" v="2803"/>
        <pc:sldMkLst>
          <pc:docMk/>
          <pc:sldMk cId="2918085937" sldId="541"/>
        </pc:sldMkLst>
        <pc:spChg chg="mod">
          <ac:chgData name="Merve Turhan" userId="3594cd17-5953-4511-8d53-8cfc799250e7" providerId="ADAL" clId="{D92ED4AD-D01E-4CEB-9FF1-ABB4609BA50F}" dt="2022-10-04T08:02:38.162" v="2775" actId="790"/>
          <ac:spMkLst>
            <pc:docMk/>
            <pc:sldMk cId="2918085937" sldId="541"/>
            <ac:spMk id="2" creationId="{585734A3-2D83-4583-BB70-FB7D4792311D}"/>
          </ac:spMkLst>
        </pc:spChg>
        <pc:spChg chg="mod">
          <ac:chgData name="Merve Turhan" userId="3594cd17-5953-4511-8d53-8cfc799250e7" providerId="ADAL" clId="{D92ED4AD-D01E-4CEB-9FF1-ABB4609BA50F}" dt="2022-10-04T08:02:38.162" v="2776" actId="790"/>
          <ac:spMkLst>
            <pc:docMk/>
            <pc:sldMk cId="2918085937" sldId="541"/>
            <ac:spMk id="6" creationId="{41B7A93F-87A6-4C7B-BB5A-89757BA1A568}"/>
          </ac:spMkLst>
        </pc:spChg>
        <pc:spChg chg="mod">
          <ac:chgData name="Merve Turhan" userId="3594cd17-5953-4511-8d53-8cfc799250e7" providerId="ADAL" clId="{D92ED4AD-D01E-4CEB-9FF1-ABB4609BA50F}" dt="2022-10-04T08:02:38.162" v="2777" actId="790"/>
          <ac:spMkLst>
            <pc:docMk/>
            <pc:sldMk cId="2918085937" sldId="541"/>
            <ac:spMk id="7" creationId="{E24756D4-8135-4741-B3EA-5AF686A60A98}"/>
          </ac:spMkLst>
        </pc:spChg>
        <pc:spChg chg="mod">
          <ac:chgData name="Merve Turhan" userId="3594cd17-5953-4511-8d53-8cfc799250e7" providerId="ADAL" clId="{D92ED4AD-D01E-4CEB-9FF1-ABB4609BA50F}" dt="2022-10-04T08:02:38.162" v="2778" actId="790"/>
          <ac:spMkLst>
            <pc:docMk/>
            <pc:sldMk cId="2918085937" sldId="541"/>
            <ac:spMk id="8" creationId="{0F857DFE-2EFE-4A13-89EF-8B3A57D46F36}"/>
          </ac:spMkLst>
        </pc:spChg>
        <pc:spChg chg="mod">
          <ac:chgData name="Merve Turhan" userId="3594cd17-5953-4511-8d53-8cfc799250e7" providerId="ADAL" clId="{D92ED4AD-D01E-4CEB-9FF1-ABB4609BA50F}" dt="2022-10-04T08:02:38.162" v="2803"/>
          <ac:spMkLst>
            <pc:docMk/>
            <pc:sldMk cId="2918085937" sldId="541"/>
            <ac:spMk id="11" creationId="{BCC731BB-6CD1-4A29-8874-40982B5D801B}"/>
          </ac:spMkLst>
        </pc:spChg>
        <pc:spChg chg="mod">
          <ac:chgData name="Merve Turhan" userId="3594cd17-5953-4511-8d53-8cfc799250e7" providerId="ADAL" clId="{D92ED4AD-D01E-4CEB-9FF1-ABB4609BA50F}" dt="2022-10-04T08:02:38.162" v="2779"/>
          <ac:spMkLst>
            <pc:docMk/>
            <pc:sldMk cId="2918085937" sldId="541"/>
            <ac:spMk id="12" creationId="{61FE4F9A-E9B9-439F-ACA4-3A199F30C44D}"/>
          </ac:spMkLst>
        </pc:spChg>
        <pc:spChg chg="mod">
          <ac:chgData name="Merve Turhan" userId="3594cd17-5953-4511-8d53-8cfc799250e7" providerId="ADAL" clId="{D92ED4AD-D01E-4CEB-9FF1-ABB4609BA50F}" dt="2022-10-04T08:02:38.162" v="2780"/>
          <ac:spMkLst>
            <pc:docMk/>
            <pc:sldMk cId="2918085937" sldId="541"/>
            <ac:spMk id="13" creationId="{97477C4D-AD67-47A8-AC04-164898060756}"/>
          </ac:spMkLst>
        </pc:spChg>
        <pc:spChg chg="mod">
          <ac:chgData name="Merve Turhan" userId="3594cd17-5953-4511-8d53-8cfc799250e7" providerId="ADAL" clId="{D92ED4AD-D01E-4CEB-9FF1-ABB4609BA50F}" dt="2022-10-04T08:02:38.162" v="2781"/>
          <ac:spMkLst>
            <pc:docMk/>
            <pc:sldMk cId="2918085937" sldId="541"/>
            <ac:spMk id="14" creationId="{B9D52A55-CCEE-4230-AFDE-593D58B4C8B9}"/>
          </ac:spMkLst>
        </pc:spChg>
        <pc:spChg chg="mod">
          <ac:chgData name="Merve Turhan" userId="3594cd17-5953-4511-8d53-8cfc799250e7" providerId="ADAL" clId="{D92ED4AD-D01E-4CEB-9FF1-ABB4609BA50F}" dt="2022-10-04T08:02:38.162" v="2782"/>
          <ac:spMkLst>
            <pc:docMk/>
            <pc:sldMk cId="2918085937" sldId="541"/>
            <ac:spMk id="15" creationId="{CBC6CD6B-85CA-4378-9569-2F5D72D40839}"/>
          </ac:spMkLst>
        </pc:spChg>
        <pc:spChg chg="mod">
          <ac:chgData name="Merve Turhan" userId="3594cd17-5953-4511-8d53-8cfc799250e7" providerId="ADAL" clId="{D92ED4AD-D01E-4CEB-9FF1-ABB4609BA50F}" dt="2022-10-04T08:02:38.162" v="2783"/>
          <ac:spMkLst>
            <pc:docMk/>
            <pc:sldMk cId="2918085937" sldId="541"/>
            <ac:spMk id="16" creationId="{010D08B3-DCFA-4217-B949-3C4AA224C4E9}"/>
          </ac:spMkLst>
        </pc:spChg>
        <pc:spChg chg="mod">
          <ac:chgData name="Merve Turhan" userId="3594cd17-5953-4511-8d53-8cfc799250e7" providerId="ADAL" clId="{D92ED4AD-D01E-4CEB-9FF1-ABB4609BA50F}" dt="2022-10-04T08:02:38.162" v="2784"/>
          <ac:spMkLst>
            <pc:docMk/>
            <pc:sldMk cId="2918085937" sldId="541"/>
            <ac:spMk id="17" creationId="{A7C16F4B-1B94-49EE-A2FD-F0C0C75A88DA}"/>
          </ac:spMkLst>
        </pc:spChg>
        <pc:spChg chg="mod">
          <ac:chgData name="Merve Turhan" userId="3594cd17-5953-4511-8d53-8cfc799250e7" providerId="ADAL" clId="{D92ED4AD-D01E-4CEB-9FF1-ABB4609BA50F}" dt="2022-10-04T08:02:38.162" v="2785"/>
          <ac:spMkLst>
            <pc:docMk/>
            <pc:sldMk cId="2918085937" sldId="541"/>
            <ac:spMk id="18" creationId="{A6E4153B-8747-4F97-99AA-0D9A6EB54012}"/>
          </ac:spMkLst>
        </pc:spChg>
        <pc:spChg chg="mod">
          <ac:chgData name="Merve Turhan" userId="3594cd17-5953-4511-8d53-8cfc799250e7" providerId="ADAL" clId="{D92ED4AD-D01E-4CEB-9FF1-ABB4609BA50F}" dt="2022-10-04T08:02:38.162" v="2786"/>
          <ac:spMkLst>
            <pc:docMk/>
            <pc:sldMk cId="2918085937" sldId="541"/>
            <ac:spMk id="19" creationId="{A08DBD20-2634-46F3-B756-CFBA83402559}"/>
          </ac:spMkLst>
        </pc:spChg>
        <pc:spChg chg="mod">
          <ac:chgData name="Merve Turhan" userId="3594cd17-5953-4511-8d53-8cfc799250e7" providerId="ADAL" clId="{D92ED4AD-D01E-4CEB-9FF1-ABB4609BA50F}" dt="2022-10-04T08:02:38.162" v="2787"/>
          <ac:spMkLst>
            <pc:docMk/>
            <pc:sldMk cId="2918085937" sldId="541"/>
            <ac:spMk id="20" creationId="{1A7DA3C9-EE6C-49DD-B5B2-283465117A13}"/>
          </ac:spMkLst>
        </pc:spChg>
        <pc:spChg chg="mod">
          <ac:chgData name="Merve Turhan" userId="3594cd17-5953-4511-8d53-8cfc799250e7" providerId="ADAL" clId="{D92ED4AD-D01E-4CEB-9FF1-ABB4609BA50F}" dt="2022-10-04T08:02:38.162" v="2788"/>
          <ac:spMkLst>
            <pc:docMk/>
            <pc:sldMk cId="2918085937" sldId="541"/>
            <ac:spMk id="29" creationId="{411552AF-8CB5-4134-B691-D536D6119A27}"/>
          </ac:spMkLst>
        </pc:spChg>
        <pc:spChg chg="mod">
          <ac:chgData name="Merve Turhan" userId="3594cd17-5953-4511-8d53-8cfc799250e7" providerId="ADAL" clId="{D92ED4AD-D01E-4CEB-9FF1-ABB4609BA50F}" dt="2022-10-04T08:02:38.162" v="2789"/>
          <ac:spMkLst>
            <pc:docMk/>
            <pc:sldMk cId="2918085937" sldId="541"/>
            <ac:spMk id="30" creationId="{94E8C7CD-8F35-4BB0-BFAD-7C3884217BA4}"/>
          </ac:spMkLst>
        </pc:spChg>
        <pc:spChg chg="mod">
          <ac:chgData name="Merve Turhan" userId="3594cd17-5953-4511-8d53-8cfc799250e7" providerId="ADAL" clId="{D92ED4AD-D01E-4CEB-9FF1-ABB4609BA50F}" dt="2022-10-04T08:02:38.162" v="2790"/>
          <ac:spMkLst>
            <pc:docMk/>
            <pc:sldMk cId="2918085937" sldId="541"/>
            <ac:spMk id="31" creationId="{D3289834-BD5C-4476-B161-125E8A2E8763}"/>
          </ac:spMkLst>
        </pc:spChg>
        <pc:spChg chg="mod">
          <ac:chgData name="Merve Turhan" userId="3594cd17-5953-4511-8d53-8cfc799250e7" providerId="ADAL" clId="{D92ED4AD-D01E-4CEB-9FF1-ABB4609BA50F}" dt="2022-10-04T08:02:38.162" v="2791"/>
          <ac:spMkLst>
            <pc:docMk/>
            <pc:sldMk cId="2918085937" sldId="541"/>
            <ac:spMk id="32" creationId="{07D51B04-D118-416F-AC99-77B9962B5E08}"/>
          </ac:spMkLst>
        </pc:spChg>
        <pc:spChg chg="mod">
          <ac:chgData name="Merve Turhan" userId="3594cd17-5953-4511-8d53-8cfc799250e7" providerId="ADAL" clId="{D92ED4AD-D01E-4CEB-9FF1-ABB4609BA50F}" dt="2022-10-04T08:02:38.162" v="2792"/>
          <ac:spMkLst>
            <pc:docMk/>
            <pc:sldMk cId="2918085937" sldId="541"/>
            <ac:spMk id="33" creationId="{BF076E25-E9E8-4119-8AB0-730CDCE5EF2B}"/>
          </ac:spMkLst>
        </pc:spChg>
        <pc:spChg chg="mod">
          <ac:chgData name="Merve Turhan" userId="3594cd17-5953-4511-8d53-8cfc799250e7" providerId="ADAL" clId="{D92ED4AD-D01E-4CEB-9FF1-ABB4609BA50F}" dt="2022-10-04T08:02:38.162" v="2793"/>
          <ac:spMkLst>
            <pc:docMk/>
            <pc:sldMk cId="2918085937" sldId="541"/>
            <ac:spMk id="34" creationId="{078914D3-0D96-4804-A77B-AD1136AC03CB}"/>
          </ac:spMkLst>
        </pc:spChg>
        <pc:spChg chg="mod">
          <ac:chgData name="Merve Turhan" userId="3594cd17-5953-4511-8d53-8cfc799250e7" providerId="ADAL" clId="{D92ED4AD-D01E-4CEB-9FF1-ABB4609BA50F}" dt="2022-10-04T08:02:38.162" v="2794"/>
          <ac:spMkLst>
            <pc:docMk/>
            <pc:sldMk cId="2918085937" sldId="541"/>
            <ac:spMk id="36" creationId="{7636D3B0-36BE-4376-A6F9-AF45609BC9F8}"/>
          </ac:spMkLst>
        </pc:spChg>
        <pc:spChg chg="mod">
          <ac:chgData name="Merve Turhan" userId="3594cd17-5953-4511-8d53-8cfc799250e7" providerId="ADAL" clId="{D92ED4AD-D01E-4CEB-9FF1-ABB4609BA50F}" dt="2022-10-04T08:02:38.162" v="2795"/>
          <ac:spMkLst>
            <pc:docMk/>
            <pc:sldMk cId="2918085937" sldId="541"/>
            <ac:spMk id="40" creationId="{E2651A42-59D1-493D-A26D-EA30C629E584}"/>
          </ac:spMkLst>
        </pc:spChg>
        <pc:spChg chg="mod">
          <ac:chgData name="Merve Turhan" userId="3594cd17-5953-4511-8d53-8cfc799250e7" providerId="ADAL" clId="{D92ED4AD-D01E-4CEB-9FF1-ABB4609BA50F}" dt="2022-10-04T08:02:38.162" v="2801"/>
          <ac:spMkLst>
            <pc:docMk/>
            <pc:sldMk cId="2918085937" sldId="541"/>
            <ac:spMk id="41" creationId="{980DE667-62B4-497C-AB2E-11A830767156}"/>
          </ac:spMkLst>
        </pc:spChg>
        <pc:spChg chg="mod">
          <ac:chgData name="Merve Turhan" userId="3594cd17-5953-4511-8d53-8cfc799250e7" providerId="ADAL" clId="{D92ED4AD-D01E-4CEB-9FF1-ABB4609BA50F}" dt="2022-10-04T08:02:38.162" v="2802"/>
          <ac:spMkLst>
            <pc:docMk/>
            <pc:sldMk cId="2918085937" sldId="541"/>
            <ac:spMk id="42" creationId="{26B0443A-66E4-40EA-92A7-66F354D1EBCE}"/>
          </ac:spMkLst>
        </pc:spChg>
        <pc:spChg chg="mod">
          <ac:chgData name="Merve Turhan" userId="3594cd17-5953-4511-8d53-8cfc799250e7" providerId="ADAL" clId="{D92ED4AD-D01E-4CEB-9FF1-ABB4609BA50F}" dt="2022-10-04T08:02:38.162" v="2796"/>
          <ac:spMkLst>
            <pc:docMk/>
            <pc:sldMk cId="2918085937" sldId="541"/>
            <ac:spMk id="57" creationId="{F11962AC-7675-4ADC-B098-478FE35C965D}"/>
          </ac:spMkLst>
        </pc:spChg>
        <pc:spChg chg="mod">
          <ac:chgData name="Merve Turhan" userId="3594cd17-5953-4511-8d53-8cfc799250e7" providerId="ADAL" clId="{D92ED4AD-D01E-4CEB-9FF1-ABB4609BA50F}" dt="2022-10-04T08:02:38.162" v="2797"/>
          <ac:spMkLst>
            <pc:docMk/>
            <pc:sldMk cId="2918085937" sldId="541"/>
            <ac:spMk id="59" creationId="{F548E0F5-F8A3-4811-AD20-1446DF1944DB}"/>
          </ac:spMkLst>
        </pc:spChg>
        <pc:spChg chg="mod">
          <ac:chgData name="Merve Turhan" userId="3594cd17-5953-4511-8d53-8cfc799250e7" providerId="ADAL" clId="{D92ED4AD-D01E-4CEB-9FF1-ABB4609BA50F}" dt="2022-10-04T08:02:38.162" v="2798"/>
          <ac:spMkLst>
            <pc:docMk/>
            <pc:sldMk cId="2918085937" sldId="541"/>
            <ac:spMk id="60" creationId="{E17973A9-EFA6-48FA-B643-1E68A5FDC9E5}"/>
          </ac:spMkLst>
        </pc:spChg>
        <pc:spChg chg="mod">
          <ac:chgData name="Merve Turhan" userId="3594cd17-5953-4511-8d53-8cfc799250e7" providerId="ADAL" clId="{D92ED4AD-D01E-4CEB-9FF1-ABB4609BA50F}" dt="2022-10-04T08:02:38.162" v="2799"/>
          <ac:spMkLst>
            <pc:docMk/>
            <pc:sldMk cId="2918085937" sldId="541"/>
            <ac:spMk id="61" creationId="{D1180F26-D6A0-44F5-8E89-8B608C36A20E}"/>
          </ac:spMkLst>
        </pc:spChg>
        <pc:spChg chg="mod">
          <ac:chgData name="Merve Turhan" userId="3594cd17-5953-4511-8d53-8cfc799250e7" providerId="ADAL" clId="{D92ED4AD-D01E-4CEB-9FF1-ABB4609BA50F}" dt="2022-10-04T08:02:38.162" v="2800"/>
          <ac:spMkLst>
            <pc:docMk/>
            <pc:sldMk cId="2918085937" sldId="541"/>
            <ac:spMk id="62" creationId="{ACF7C3AE-78D0-4AA6-A5C9-72DC009E8D6F}"/>
          </ac:spMkLst>
        </pc:spChg>
      </pc:sldChg>
      <pc:sldChg chg="modSp mod modAnim">
        <pc:chgData name="Merve Turhan" userId="3594cd17-5953-4511-8d53-8cfc799250e7" providerId="ADAL" clId="{D92ED4AD-D01E-4CEB-9FF1-ABB4609BA50F}" dt="2022-10-04T08:02:38.178" v="2818"/>
        <pc:sldMkLst>
          <pc:docMk/>
          <pc:sldMk cId="3694123121" sldId="543"/>
        </pc:sldMkLst>
        <pc:spChg chg="mod">
          <ac:chgData name="Merve Turhan" userId="3594cd17-5953-4511-8d53-8cfc799250e7" providerId="ADAL" clId="{D92ED4AD-D01E-4CEB-9FF1-ABB4609BA50F}" dt="2022-10-04T08:02:38.178" v="2816" actId="790"/>
          <ac:spMkLst>
            <pc:docMk/>
            <pc:sldMk cId="3694123121" sldId="543"/>
            <ac:spMk id="2" creationId="{C1B456BB-45A4-45E4-9ECD-0CECA34966EA}"/>
          </ac:spMkLst>
        </pc:spChg>
        <pc:spChg chg="mod">
          <ac:chgData name="Merve Turhan" userId="3594cd17-5953-4511-8d53-8cfc799250e7" providerId="ADAL" clId="{D92ED4AD-D01E-4CEB-9FF1-ABB4609BA50F}" dt="2022-10-04T08:02:38.178" v="2817" actId="790"/>
          <ac:spMkLst>
            <pc:docMk/>
            <pc:sldMk cId="3694123121" sldId="543"/>
            <ac:spMk id="3" creationId="{C0BC675F-883D-4CC5-A580-7A9D49AD3814}"/>
          </ac:spMkLst>
        </pc:spChg>
        <pc:spChg chg="mod">
          <ac:chgData name="Merve Turhan" userId="3594cd17-5953-4511-8d53-8cfc799250e7" providerId="ADAL" clId="{D92ED4AD-D01E-4CEB-9FF1-ABB4609BA50F}" dt="2022-10-04T08:02:38.178" v="2818"/>
          <ac:spMkLst>
            <pc:docMk/>
            <pc:sldMk cId="3694123121" sldId="543"/>
            <ac:spMk id="5" creationId="{A20EBC35-F23D-4525-BB82-F72793A48090}"/>
          </ac:spMkLst>
        </pc:spChg>
      </pc:sldChg>
      <pc:sldChg chg="del mod modShow">
        <pc:chgData name="Merve Turhan" userId="3594cd17-5953-4511-8d53-8cfc799250e7" providerId="ADAL" clId="{D92ED4AD-D01E-4CEB-9FF1-ABB4609BA50F}" dt="2022-10-03T14:23:29.824" v="2207" actId="47"/>
        <pc:sldMkLst>
          <pc:docMk/>
          <pc:sldMk cId="3635840541" sldId="545"/>
        </pc:sldMkLst>
      </pc:sldChg>
      <pc:sldChg chg="del mod modShow">
        <pc:chgData name="Merve Turhan" userId="3594cd17-5953-4511-8d53-8cfc799250e7" providerId="ADAL" clId="{D92ED4AD-D01E-4CEB-9FF1-ABB4609BA50F}" dt="2022-10-03T14:23:28.226" v="2205" actId="47"/>
        <pc:sldMkLst>
          <pc:docMk/>
          <pc:sldMk cId="1197839042" sldId="547"/>
        </pc:sldMkLst>
      </pc:sldChg>
      <pc:sldChg chg="delSp modSp mod delAnim">
        <pc:chgData name="Merve Turhan" userId="3594cd17-5953-4511-8d53-8cfc799250e7" providerId="ADAL" clId="{D92ED4AD-D01E-4CEB-9FF1-ABB4609BA50F}" dt="2022-10-04T08:24:07.993" v="3587" actId="478"/>
        <pc:sldMkLst>
          <pc:docMk/>
          <pc:sldMk cId="4154376622" sldId="548"/>
        </pc:sldMkLst>
        <pc:spChg chg="mod">
          <ac:chgData name="Merve Turhan" userId="3594cd17-5953-4511-8d53-8cfc799250e7" providerId="ADAL" clId="{D92ED4AD-D01E-4CEB-9FF1-ABB4609BA50F}" dt="2022-10-04T08:02:38.194" v="2830" actId="790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Turhan" userId="3594cd17-5953-4511-8d53-8cfc799250e7" providerId="ADAL" clId="{D92ED4AD-D01E-4CEB-9FF1-ABB4609BA50F}" dt="2022-10-04T08:10:01.649" v="3230" actId="207"/>
          <ac:spMkLst>
            <pc:docMk/>
            <pc:sldMk cId="4154376622" sldId="548"/>
            <ac:spMk id="3" creationId="{751D7DC4-34BA-4C86-8CD6-95954A91B7AC}"/>
          </ac:spMkLst>
        </pc:spChg>
        <pc:spChg chg="del mod">
          <ac:chgData name="Merve Turhan" userId="3594cd17-5953-4511-8d53-8cfc799250e7" providerId="ADAL" clId="{D92ED4AD-D01E-4CEB-9FF1-ABB4609BA50F}" dt="2022-10-04T08:24:05.735" v="3586" actId="478"/>
          <ac:spMkLst>
            <pc:docMk/>
            <pc:sldMk cId="4154376622" sldId="548"/>
            <ac:spMk id="5" creationId="{D71A2E24-37A3-46F0-8936-FB80080CDD30}"/>
          </ac:spMkLst>
        </pc:spChg>
        <pc:picChg chg="del">
          <ac:chgData name="Merve Turhan" userId="3594cd17-5953-4511-8d53-8cfc799250e7" providerId="ADAL" clId="{D92ED4AD-D01E-4CEB-9FF1-ABB4609BA50F}" dt="2022-10-04T08:24:07.993" v="3587" actId="478"/>
          <ac:picMkLst>
            <pc:docMk/>
            <pc:sldMk cId="4154376622" sldId="548"/>
            <ac:picMk id="4" creationId="{46804C9B-2D39-432B-BF61-63944411B98C}"/>
          </ac:picMkLst>
        </pc:picChg>
      </pc:sldChg>
      <pc:sldChg chg="del mod modShow">
        <pc:chgData name="Merve Turhan" userId="3594cd17-5953-4511-8d53-8cfc799250e7" providerId="ADAL" clId="{D92ED4AD-D01E-4CEB-9FF1-ABB4609BA50F}" dt="2022-10-03T14:23:30.824" v="2208" actId="47"/>
        <pc:sldMkLst>
          <pc:docMk/>
          <pc:sldMk cId="3164656077" sldId="549"/>
        </pc:sldMkLst>
      </pc:sldChg>
      <pc:sldChg chg="modSp mod">
        <pc:chgData name="Merve Turhan" userId="3594cd17-5953-4511-8d53-8cfc799250e7" providerId="ADAL" clId="{D92ED4AD-D01E-4CEB-9FF1-ABB4609BA50F}" dt="2022-10-04T08:02:38.178" v="2823"/>
        <pc:sldMkLst>
          <pc:docMk/>
          <pc:sldMk cId="1324455309" sldId="552"/>
        </pc:sldMkLst>
        <pc:spChg chg="mod">
          <ac:chgData name="Merve Turhan" userId="3594cd17-5953-4511-8d53-8cfc799250e7" providerId="ADAL" clId="{D92ED4AD-D01E-4CEB-9FF1-ABB4609BA50F}" dt="2022-10-04T08:02:38.178" v="2819" actId="790"/>
          <ac:spMkLst>
            <pc:docMk/>
            <pc:sldMk cId="1324455309" sldId="552"/>
            <ac:spMk id="2" creationId="{5552E3F4-9A06-4671-B090-DF3C6F71903B}"/>
          </ac:spMkLst>
        </pc:spChg>
        <pc:spChg chg="mod">
          <ac:chgData name="Merve Turhan" userId="3594cd17-5953-4511-8d53-8cfc799250e7" providerId="ADAL" clId="{D92ED4AD-D01E-4CEB-9FF1-ABB4609BA50F}" dt="2022-10-04T08:02:38.178" v="2823"/>
          <ac:spMkLst>
            <pc:docMk/>
            <pc:sldMk cId="1324455309" sldId="552"/>
            <ac:spMk id="7" creationId="{C91585DB-F45C-4214-BA01-B877F35EFEB6}"/>
          </ac:spMkLst>
        </pc:spChg>
        <pc:spChg chg="mod">
          <ac:chgData name="Merve Turhan" userId="3594cd17-5953-4511-8d53-8cfc799250e7" providerId="ADAL" clId="{D92ED4AD-D01E-4CEB-9FF1-ABB4609BA50F}" dt="2022-10-04T08:02:38.178" v="2820" actId="790"/>
          <ac:spMkLst>
            <pc:docMk/>
            <pc:sldMk cId="1324455309" sldId="552"/>
            <ac:spMk id="8" creationId="{527C700A-4427-45BF-BCA3-9176F794F772}"/>
          </ac:spMkLst>
        </pc:spChg>
        <pc:spChg chg="mod">
          <ac:chgData name="Merve Turhan" userId="3594cd17-5953-4511-8d53-8cfc799250e7" providerId="ADAL" clId="{D92ED4AD-D01E-4CEB-9FF1-ABB4609BA50F}" dt="2022-10-04T08:02:38.178" v="2821" actId="790"/>
          <ac:spMkLst>
            <pc:docMk/>
            <pc:sldMk cId="1324455309" sldId="552"/>
            <ac:spMk id="9" creationId="{F00BFEF7-5DFD-451D-9269-8E7C403BE6BF}"/>
          </ac:spMkLst>
        </pc:spChg>
        <pc:spChg chg="mod">
          <ac:chgData name="Merve Turhan" userId="3594cd17-5953-4511-8d53-8cfc799250e7" providerId="ADAL" clId="{D92ED4AD-D01E-4CEB-9FF1-ABB4609BA50F}" dt="2022-10-04T08:02:38.178" v="2822" actId="790"/>
          <ac:spMkLst>
            <pc:docMk/>
            <pc:sldMk cId="1324455309" sldId="552"/>
            <ac:spMk id="10" creationId="{1D460873-C4BB-460A-B3FC-A6A7EFBF0BA0}"/>
          </ac:spMkLst>
        </pc:spChg>
      </pc:sldChg>
      <pc:sldChg chg="modSp mod">
        <pc:chgData name="Merve Turhan" userId="3594cd17-5953-4511-8d53-8cfc799250e7" providerId="ADAL" clId="{D92ED4AD-D01E-4CEB-9FF1-ABB4609BA50F}" dt="2022-10-04T08:02:38.162" v="2810"/>
        <pc:sldMkLst>
          <pc:docMk/>
          <pc:sldMk cId="398449080" sldId="553"/>
        </pc:sldMkLst>
        <pc:spChg chg="mod">
          <ac:chgData name="Merve Turhan" userId="3594cd17-5953-4511-8d53-8cfc799250e7" providerId="ADAL" clId="{D92ED4AD-D01E-4CEB-9FF1-ABB4609BA50F}" dt="2022-10-04T08:02:38.162" v="2808" actId="790"/>
          <ac:spMkLst>
            <pc:docMk/>
            <pc:sldMk cId="398449080" sldId="553"/>
            <ac:spMk id="2" creationId="{5552E3F4-9A06-4671-B090-DF3C6F71903B}"/>
          </ac:spMkLst>
        </pc:spChg>
        <pc:spChg chg="mod">
          <ac:chgData name="Merve Turhan" userId="3594cd17-5953-4511-8d53-8cfc799250e7" providerId="ADAL" clId="{D92ED4AD-D01E-4CEB-9FF1-ABB4609BA50F}" dt="2022-10-04T08:02:38.162" v="2809" actId="790"/>
          <ac:spMkLst>
            <pc:docMk/>
            <pc:sldMk cId="398449080" sldId="553"/>
            <ac:spMk id="11" creationId="{40DF9E16-FDDF-4F36-92F7-2C33F6D7DA15}"/>
          </ac:spMkLst>
        </pc:spChg>
        <pc:spChg chg="mod">
          <ac:chgData name="Merve Turhan" userId="3594cd17-5953-4511-8d53-8cfc799250e7" providerId="ADAL" clId="{D92ED4AD-D01E-4CEB-9FF1-ABB4609BA50F}" dt="2022-10-04T08:02:38.162" v="2810"/>
          <ac:spMkLst>
            <pc:docMk/>
            <pc:sldMk cId="398449080" sldId="553"/>
            <ac:spMk id="12" creationId="{D643F25B-8492-4DBB-97E5-26AEE18BC390}"/>
          </ac:spMkLst>
        </pc:spChg>
      </pc:sldChg>
      <pc:sldChg chg="del">
        <pc:chgData name="Merve Turhan" userId="3594cd17-5953-4511-8d53-8cfc799250e7" providerId="ADAL" clId="{D92ED4AD-D01E-4CEB-9FF1-ABB4609BA50F}" dt="2022-08-26T09:50:26.870" v="164" actId="47"/>
        <pc:sldMkLst>
          <pc:docMk/>
          <pc:sldMk cId="67517722" sldId="555"/>
        </pc:sldMkLst>
      </pc:sldChg>
      <pc:sldChg chg="del mod modShow">
        <pc:chgData name="Merve Turhan" userId="3594cd17-5953-4511-8d53-8cfc799250e7" providerId="ADAL" clId="{D92ED4AD-D01E-4CEB-9FF1-ABB4609BA50F}" dt="2022-10-03T14:23:26.240" v="2204" actId="47"/>
        <pc:sldMkLst>
          <pc:docMk/>
          <pc:sldMk cId="1802882348" sldId="556"/>
        </pc:sldMkLst>
      </pc:sldChg>
      <pc:sldChg chg="delSp modSp mod">
        <pc:chgData name="Merve Turhan" userId="3594cd17-5953-4511-8d53-8cfc799250e7" providerId="ADAL" clId="{D92ED4AD-D01E-4CEB-9FF1-ABB4609BA50F}" dt="2022-10-04T16:18:45.673" v="3891" actId="478"/>
        <pc:sldMkLst>
          <pc:docMk/>
          <pc:sldMk cId="3814535045" sldId="557"/>
        </pc:sldMkLst>
        <pc:spChg chg="mod">
          <ac:chgData name="Merve Turhan" userId="3594cd17-5953-4511-8d53-8cfc799250e7" providerId="ADAL" clId="{D92ED4AD-D01E-4CEB-9FF1-ABB4609BA50F}" dt="2022-10-04T08:02:38.194" v="2836" actId="790"/>
          <ac:spMkLst>
            <pc:docMk/>
            <pc:sldMk cId="3814535045" sldId="557"/>
            <ac:spMk id="2" creationId="{E7FD2473-A1D8-4F47-BE9D-C6B8474469B5}"/>
          </ac:spMkLst>
        </pc:spChg>
        <pc:spChg chg="mod">
          <ac:chgData name="Merve Turhan" userId="3594cd17-5953-4511-8d53-8cfc799250e7" providerId="ADAL" clId="{D92ED4AD-D01E-4CEB-9FF1-ABB4609BA50F}" dt="2022-10-04T08:02:38.194" v="2837" actId="790"/>
          <ac:spMkLst>
            <pc:docMk/>
            <pc:sldMk cId="3814535045" sldId="557"/>
            <ac:spMk id="3" creationId="{978A330B-EE5D-4CD6-948C-7E099E3991CE}"/>
          </ac:spMkLst>
        </pc:spChg>
        <pc:spChg chg="mod">
          <ac:chgData name="Merve Turhan" userId="3594cd17-5953-4511-8d53-8cfc799250e7" providerId="ADAL" clId="{D92ED4AD-D01E-4CEB-9FF1-ABB4609BA50F}" dt="2022-10-04T08:02:38.194" v="2838" actId="790"/>
          <ac:spMkLst>
            <pc:docMk/>
            <pc:sldMk cId="3814535045" sldId="557"/>
            <ac:spMk id="8" creationId="{2C45F143-A005-48A3-97E9-08EEB7392992}"/>
          </ac:spMkLst>
        </pc:spChg>
        <pc:spChg chg="mod">
          <ac:chgData name="Merve Turhan" userId="3594cd17-5953-4511-8d53-8cfc799250e7" providerId="ADAL" clId="{D92ED4AD-D01E-4CEB-9FF1-ABB4609BA50F}" dt="2022-10-04T08:02:38.194" v="2839" actId="790"/>
          <ac:spMkLst>
            <pc:docMk/>
            <pc:sldMk cId="3814535045" sldId="557"/>
            <ac:spMk id="9" creationId="{979D7408-5ACE-4250-902A-5EA628FE68A3}"/>
          </ac:spMkLst>
        </pc:spChg>
        <pc:spChg chg="mod">
          <ac:chgData name="Merve Turhan" userId="3594cd17-5953-4511-8d53-8cfc799250e7" providerId="ADAL" clId="{D92ED4AD-D01E-4CEB-9FF1-ABB4609BA50F}" dt="2022-10-04T08:02:38.194" v="2840" actId="790"/>
          <ac:spMkLst>
            <pc:docMk/>
            <pc:sldMk cId="3814535045" sldId="557"/>
            <ac:spMk id="10" creationId="{B66117B2-81C4-4AB5-9186-20266BC7F48B}"/>
          </ac:spMkLst>
        </pc:spChg>
        <pc:spChg chg="mod">
          <ac:chgData name="Merve Turhan" userId="3594cd17-5953-4511-8d53-8cfc799250e7" providerId="ADAL" clId="{D92ED4AD-D01E-4CEB-9FF1-ABB4609BA50F}" dt="2022-10-04T08:02:38.194" v="2841" actId="790"/>
          <ac:spMkLst>
            <pc:docMk/>
            <pc:sldMk cId="3814535045" sldId="557"/>
            <ac:spMk id="11" creationId="{FBC07123-895E-4C38-8E5D-BFA0BAE97C07}"/>
          </ac:spMkLst>
        </pc:spChg>
        <pc:picChg chg="del mod">
          <ac:chgData name="Merve Turhan" userId="3594cd17-5953-4511-8d53-8cfc799250e7" providerId="ADAL" clId="{D92ED4AD-D01E-4CEB-9FF1-ABB4609BA50F}" dt="2022-10-04T16:18:45.673" v="3891" actId="478"/>
          <ac:picMkLst>
            <pc:docMk/>
            <pc:sldMk cId="3814535045" sldId="557"/>
            <ac:picMk id="13" creationId="{EC2A00DC-13EB-4E0E-A57E-C35FC967BF2C}"/>
          </ac:picMkLst>
        </pc:picChg>
      </pc:sldChg>
      <pc:sldChg chg="modSp mod">
        <pc:chgData name="Merve Turhan" userId="3594cd17-5953-4511-8d53-8cfc799250e7" providerId="ADAL" clId="{D92ED4AD-D01E-4CEB-9FF1-ABB4609BA50F}" dt="2022-10-04T08:02:38.210" v="2846" actId="790"/>
        <pc:sldMkLst>
          <pc:docMk/>
          <pc:sldMk cId="2687749463" sldId="558"/>
        </pc:sldMkLst>
        <pc:spChg chg="mod">
          <ac:chgData name="Merve Turhan" userId="3594cd17-5953-4511-8d53-8cfc799250e7" providerId="ADAL" clId="{D92ED4AD-D01E-4CEB-9FF1-ABB4609BA50F}" dt="2022-10-04T08:02:38.210" v="2846" actId="790"/>
          <ac:spMkLst>
            <pc:docMk/>
            <pc:sldMk cId="2687749463" sldId="558"/>
            <ac:spMk id="2" creationId="{5552E3F4-9A06-4671-B090-DF3C6F71903B}"/>
          </ac:spMkLst>
        </pc:spChg>
      </pc:sldChg>
      <pc:sldChg chg="del">
        <pc:chgData name="Merve Turhan" userId="3594cd17-5953-4511-8d53-8cfc799250e7" providerId="ADAL" clId="{D92ED4AD-D01E-4CEB-9FF1-ABB4609BA50F}" dt="2022-10-03T14:23:35.188" v="2212" actId="47"/>
        <pc:sldMkLst>
          <pc:docMk/>
          <pc:sldMk cId="4164184284" sldId="561"/>
        </pc:sldMkLst>
      </pc:sldChg>
      <pc:sldChg chg="modSp mod">
        <pc:chgData name="Merve Turhan" userId="3594cd17-5953-4511-8d53-8cfc799250e7" providerId="ADAL" clId="{D92ED4AD-D01E-4CEB-9FF1-ABB4609BA50F}" dt="2022-10-04T08:02:38.210" v="2845" actId="790"/>
        <pc:sldMkLst>
          <pc:docMk/>
          <pc:sldMk cId="2909941548" sldId="562"/>
        </pc:sldMkLst>
        <pc:spChg chg="mod">
          <ac:chgData name="Merve Turhan" userId="3594cd17-5953-4511-8d53-8cfc799250e7" providerId="ADAL" clId="{D92ED4AD-D01E-4CEB-9FF1-ABB4609BA50F}" dt="2022-10-04T08:02:38.194" v="2842" actId="790"/>
          <ac:spMkLst>
            <pc:docMk/>
            <pc:sldMk cId="2909941548" sldId="562"/>
            <ac:spMk id="2" creationId="{867D2DCC-C508-4918-9142-29578F98A877}"/>
          </ac:spMkLst>
        </pc:spChg>
        <pc:spChg chg="mod">
          <ac:chgData name="Merve Turhan" userId="3594cd17-5953-4511-8d53-8cfc799250e7" providerId="ADAL" clId="{D92ED4AD-D01E-4CEB-9FF1-ABB4609BA50F}" dt="2022-10-04T08:02:38.194" v="2843" actId="790"/>
          <ac:spMkLst>
            <pc:docMk/>
            <pc:sldMk cId="2909941548" sldId="562"/>
            <ac:spMk id="12" creationId="{05D2EC3E-38F6-450F-8F5B-ABCACB89C4A7}"/>
          </ac:spMkLst>
        </pc:spChg>
        <pc:spChg chg="mod">
          <ac:chgData name="Merve Turhan" userId="3594cd17-5953-4511-8d53-8cfc799250e7" providerId="ADAL" clId="{D92ED4AD-D01E-4CEB-9FF1-ABB4609BA50F}" dt="2022-10-04T08:02:38.210" v="2844" actId="790"/>
          <ac:spMkLst>
            <pc:docMk/>
            <pc:sldMk cId="2909941548" sldId="562"/>
            <ac:spMk id="13" creationId="{626328A4-9218-48F4-892B-2B543F69162F}"/>
          </ac:spMkLst>
        </pc:spChg>
        <pc:spChg chg="mod">
          <ac:chgData name="Merve Turhan" userId="3594cd17-5953-4511-8d53-8cfc799250e7" providerId="ADAL" clId="{D92ED4AD-D01E-4CEB-9FF1-ABB4609BA50F}" dt="2022-10-04T08:02:38.210" v="2845" actId="790"/>
          <ac:spMkLst>
            <pc:docMk/>
            <pc:sldMk cId="2909941548" sldId="562"/>
            <ac:spMk id="14" creationId="{283D52F3-8841-4B13-8569-40E359257A74}"/>
          </ac:spMkLst>
        </pc:spChg>
      </pc:sldChg>
      <pc:sldChg chg="del">
        <pc:chgData name="Merve Turhan" userId="3594cd17-5953-4511-8d53-8cfc799250e7" providerId="ADAL" clId="{D92ED4AD-D01E-4CEB-9FF1-ABB4609BA50F}" dt="2022-10-03T14:24:11.763" v="2214" actId="47"/>
        <pc:sldMkLst>
          <pc:docMk/>
          <pc:sldMk cId="1011689581" sldId="563"/>
        </pc:sldMkLst>
      </pc:sldChg>
      <pc:sldChg chg="addSp delSp modSp mod ord modNotesTx">
        <pc:chgData name="Merve Turhan" userId="3594cd17-5953-4511-8d53-8cfc799250e7" providerId="ADAL" clId="{D92ED4AD-D01E-4CEB-9FF1-ABB4609BA50F}" dt="2022-10-04T08:02:38.194" v="2835" actId="790"/>
        <pc:sldMkLst>
          <pc:docMk/>
          <pc:sldMk cId="2343135138" sldId="564"/>
        </pc:sldMkLst>
        <pc:spChg chg="mod">
          <ac:chgData name="Merve Turhan" userId="3594cd17-5953-4511-8d53-8cfc799250e7" providerId="ADAL" clId="{D92ED4AD-D01E-4CEB-9FF1-ABB4609BA50F}" dt="2022-10-04T08:02:38.194" v="2833" actId="790"/>
          <ac:spMkLst>
            <pc:docMk/>
            <pc:sldMk cId="2343135138" sldId="564"/>
            <ac:spMk id="2" creationId="{AC5C63E5-E679-4E70-A067-8A51B63BA9F9}"/>
          </ac:spMkLst>
        </pc:spChg>
        <pc:spChg chg="mod">
          <ac:chgData name="Merve Turhan" userId="3594cd17-5953-4511-8d53-8cfc799250e7" providerId="ADAL" clId="{D92ED4AD-D01E-4CEB-9FF1-ABB4609BA50F}" dt="2022-10-04T08:02:38.194" v="2834" actId="790"/>
          <ac:spMkLst>
            <pc:docMk/>
            <pc:sldMk cId="2343135138" sldId="564"/>
            <ac:spMk id="3" creationId="{CD8F0E8F-AF21-47F3-804C-D4B83AB2BE82}"/>
          </ac:spMkLst>
        </pc:spChg>
        <pc:spChg chg="del">
          <ac:chgData name="Merve Turhan" userId="3594cd17-5953-4511-8d53-8cfc799250e7" providerId="ADAL" clId="{D92ED4AD-D01E-4CEB-9FF1-ABB4609BA50F}" dt="2022-09-13T19:56:52.884" v="1847" actId="478"/>
          <ac:spMkLst>
            <pc:docMk/>
            <pc:sldMk cId="2343135138" sldId="564"/>
            <ac:spMk id="6" creationId="{E5724B34-14BA-4B61-A7E7-96D291666E8D}"/>
          </ac:spMkLst>
        </pc:spChg>
        <pc:spChg chg="add mod">
          <ac:chgData name="Merve Turhan" userId="3594cd17-5953-4511-8d53-8cfc799250e7" providerId="ADAL" clId="{D92ED4AD-D01E-4CEB-9FF1-ABB4609BA50F}" dt="2022-10-04T08:02:38.194" v="2835" actId="790"/>
          <ac:spMkLst>
            <pc:docMk/>
            <pc:sldMk cId="2343135138" sldId="564"/>
            <ac:spMk id="6" creationId="{ECF85595-A1DD-428E-9AD3-1E51007759D4}"/>
          </ac:spMkLst>
        </pc:spChg>
        <pc:picChg chg="del">
          <ac:chgData name="Merve Turhan" userId="3594cd17-5953-4511-8d53-8cfc799250e7" providerId="ADAL" clId="{D92ED4AD-D01E-4CEB-9FF1-ABB4609BA50F}" dt="2022-09-13T19:56:56.931" v="1849" actId="478"/>
          <ac:picMkLst>
            <pc:docMk/>
            <pc:sldMk cId="2343135138" sldId="564"/>
            <ac:picMk id="5" creationId="{F77263D6-CCBA-4558-A721-2577A42F8B17}"/>
          </ac:picMkLst>
        </pc:picChg>
        <pc:picChg chg="add mod">
          <ac:chgData name="Merve Turhan" userId="3594cd17-5953-4511-8d53-8cfc799250e7" providerId="ADAL" clId="{D92ED4AD-D01E-4CEB-9FF1-ABB4609BA50F}" dt="2022-10-04T07:45:33.295" v="2617" actId="1076"/>
          <ac:picMkLst>
            <pc:docMk/>
            <pc:sldMk cId="2343135138" sldId="564"/>
            <ac:picMk id="7" creationId="{F2ADF1F5-448A-4C55-979D-65DA4B3221E2}"/>
          </ac:picMkLst>
        </pc:picChg>
      </pc:sldChg>
      <pc:sldChg chg="addSp delSp modSp mod">
        <pc:chgData name="Merve Turhan" userId="3594cd17-5953-4511-8d53-8cfc799250e7" providerId="ADAL" clId="{D92ED4AD-D01E-4CEB-9FF1-ABB4609BA50F}" dt="2022-10-04T16:20:28.290" v="3899" actId="20577"/>
        <pc:sldMkLst>
          <pc:docMk/>
          <pc:sldMk cId="3226931249" sldId="565"/>
        </pc:sldMkLst>
        <pc:spChg chg="mod">
          <ac:chgData name="Merve Turhan" userId="3594cd17-5953-4511-8d53-8cfc799250e7" providerId="ADAL" clId="{D92ED4AD-D01E-4CEB-9FF1-ABB4609BA50F}" dt="2022-10-04T08:02:38.110" v="2746" actId="790"/>
          <ac:spMkLst>
            <pc:docMk/>
            <pc:sldMk cId="3226931249" sldId="565"/>
            <ac:spMk id="3" creationId="{17D5CE7D-CCF0-44B0-843A-8D46859C44EE}"/>
          </ac:spMkLst>
        </pc:spChg>
        <pc:spChg chg="mod">
          <ac:chgData name="Merve Turhan" userId="3594cd17-5953-4511-8d53-8cfc799250e7" providerId="ADAL" clId="{D92ED4AD-D01E-4CEB-9FF1-ABB4609BA50F}" dt="2022-10-04T08:02:38.110" v="2747" actId="790"/>
          <ac:spMkLst>
            <pc:docMk/>
            <pc:sldMk cId="3226931249" sldId="565"/>
            <ac:spMk id="5" creationId="{0D8DE8B4-7BAB-4C18-A0E5-01D3A11D374F}"/>
          </ac:spMkLst>
        </pc:spChg>
        <pc:spChg chg="mod">
          <ac:chgData name="Merve Turhan" userId="3594cd17-5953-4511-8d53-8cfc799250e7" providerId="ADAL" clId="{D92ED4AD-D01E-4CEB-9FF1-ABB4609BA50F}" dt="2022-10-04T08:02:38.126" v="2748" actId="790"/>
          <ac:spMkLst>
            <pc:docMk/>
            <pc:sldMk cId="3226931249" sldId="565"/>
            <ac:spMk id="6" creationId="{327EB691-17C6-4220-AA5E-2F3518AF8CC2}"/>
          </ac:spMkLst>
        </pc:spChg>
        <pc:spChg chg="mod">
          <ac:chgData name="Merve Turhan" userId="3594cd17-5953-4511-8d53-8cfc799250e7" providerId="ADAL" clId="{D92ED4AD-D01E-4CEB-9FF1-ABB4609BA50F}" dt="2022-10-04T16:20:28.290" v="3899" actId="20577"/>
          <ac:spMkLst>
            <pc:docMk/>
            <pc:sldMk cId="3226931249" sldId="565"/>
            <ac:spMk id="7" creationId="{0BF70DC3-66C9-451C-917E-BA44956D1DBD}"/>
          </ac:spMkLst>
        </pc:spChg>
        <pc:picChg chg="add mod">
          <ac:chgData name="Merve Turhan" userId="3594cd17-5953-4511-8d53-8cfc799250e7" providerId="ADAL" clId="{D92ED4AD-D01E-4CEB-9FF1-ABB4609BA50F}" dt="2022-10-04T07:48:46.808" v="2633" actId="1076"/>
          <ac:picMkLst>
            <pc:docMk/>
            <pc:sldMk cId="3226931249" sldId="565"/>
            <ac:picMk id="2" creationId="{E05150B8-C6FC-4105-A83A-3BD40D7FEBA4}"/>
          </ac:picMkLst>
        </pc:picChg>
        <pc:picChg chg="add mod">
          <ac:chgData name="Merve Turhan" userId="3594cd17-5953-4511-8d53-8cfc799250e7" providerId="ADAL" clId="{D92ED4AD-D01E-4CEB-9FF1-ABB4609BA50F}" dt="2022-10-04T07:48:43.256" v="2632" actId="1076"/>
          <ac:picMkLst>
            <pc:docMk/>
            <pc:sldMk cId="3226931249" sldId="565"/>
            <ac:picMk id="4" creationId="{5BFCFF02-7BCC-4ED6-9416-ED9FA2AFAC86}"/>
          </ac:picMkLst>
        </pc:picChg>
        <pc:picChg chg="add del mod">
          <ac:chgData name="Merve Turhan" userId="3594cd17-5953-4511-8d53-8cfc799250e7" providerId="ADAL" clId="{D92ED4AD-D01E-4CEB-9FF1-ABB4609BA50F}" dt="2022-10-03T14:24:14.275" v="2215" actId="478"/>
          <ac:picMkLst>
            <pc:docMk/>
            <pc:sldMk cId="3226931249" sldId="565"/>
            <ac:picMk id="4" creationId="{9CF87211-57CF-4B12-B1B7-F479E1C1367B}"/>
          </ac:picMkLst>
        </pc:picChg>
        <pc:picChg chg="add del mod">
          <ac:chgData name="Merve Turhan" userId="3594cd17-5953-4511-8d53-8cfc799250e7" providerId="ADAL" clId="{D92ED4AD-D01E-4CEB-9FF1-ABB4609BA50F}" dt="2022-10-04T07:47:58.894" v="2623"/>
          <ac:picMkLst>
            <pc:docMk/>
            <pc:sldMk cId="3226931249" sldId="565"/>
            <ac:picMk id="8" creationId="{D5899907-3BCC-46EB-B949-9BD9F8864D3A}"/>
          </ac:picMkLst>
        </pc:picChg>
        <pc:picChg chg="add del mod">
          <ac:chgData name="Merve Turhan" userId="3594cd17-5953-4511-8d53-8cfc799250e7" providerId="ADAL" clId="{D92ED4AD-D01E-4CEB-9FF1-ABB4609BA50F}" dt="2022-10-04T07:48:26.083" v="2628"/>
          <ac:picMkLst>
            <pc:docMk/>
            <pc:sldMk cId="3226931249" sldId="565"/>
            <ac:picMk id="9" creationId="{68E667E0-4970-4B94-940C-1156E8F662E0}"/>
          </ac:picMkLst>
        </pc:picChg>
      </pc:sldChg>
      <pc:sldChg chg="modSp mod">
        <pc:chgData name="Merve Turhan" userId="3594cd17-5953-4511-8d53-8cfc799250e7" providerId="ADAL" clId="{D92ED4AD-D01E-4CEB-9FF1-ABB4609BA50F}" dt="2022-10-04T08:02:38.162" v="2811" actId="790"/>
        <pc:sldMkLst>
          <pc:docMk/>
          <pc:sldMk cId="678586124" sldId="566"/>
        </pc:sldMkLst>
        <pc:spChg chg="mod">
          <ac:chgData name="Merve Turhan" userId="3594cd17-5953-4511-8d53-8cfc799250e7" providerId="ADAL" clId="{D92ED4AD-D01E-4CEB-9FF1-ABB4609BA50F}" dt="2022-10-04T08:02:38.162" v="2811" actId="790"/>
          <ac:spMkLst>
            <pc:docMk/>
            <pc:sldMk cId="678586124" sldId="566"/>
            <ac:spMk id="2" creationId="{4B33378B-75B3-4C02-BA56-C1A7A6A056F5}"/>
          </ac:spMkLst>
        </pc:spChg>
        <pc:picChg chg="mod modCrop">
          <ac:chgData name="Merve Turhan" userId="3594cd17-5953-4511-8d53-8cfc799250e7" providerId="ADAL" clId="{D92ED4AD-D01E-4CEB-9FF1-ABB4609BA50F}" dt="2022-09-24T14:28:40.648" v="2031" actId="1076"/>
          <ac:picMkLst>
            <pc:docMk/>
            <pc:sldMk cId="678586124" sldId="566"/>
            <ac:picMk id="4" creationId="{05CBE1E0-53E1-46B6-A709-DB421C622777}"/>
          </ac:picMkLst>
        </pc:picChg>
      </pc:sldChg>
      <pc:sldChg chg="modSp mod">
        <pc:chgData name="Merve Turhan" userId="3594cd17-5953-4511-8d53-8cfc799250e7" providerId="ADAL" clId="{D92ED4AD-D01E-4CEB-9FF1-ABB4609BA50F}" dt="2022-10-04T08:02:38.178" v="2812" actId="790"/>
        <pc:sldMkLst>
          <pc:docMk/>
          <pc:sldMk cId="3067544362" sldId="567"/>
        </pc:sldMkLst>
        <pc:spChg chg="mod">
          <ac:chgData name="Merve Turhan" userId="3594cd17-5953-4511-8d53-8cfc799250e7" providerId="ADAL" clId="{D92ED4AD-D01E-4CEB-9FF1-ABB4609BA50F}" dt="2022-10-04T08:02:38.178" v="2812" actId="790"/>
          <ac:spMkLst>
            <pc:docMk/>
            <pc:sldMk cId="3067544362" sldId="567"/>
            <ac:spMk id="2" creationId="{AF3FD217-773D-4A97-9C2C-7B27AD362391}"/>
          </ac:spMkLst>
        </pc:spChg>
        <pc:picChg chg="mod modCrop">
          <ac:chgData name="Merve Turhan" userId="3594cd17-5953-4511-8d53-8cfc799250e7" providerId="ADAL" clId="{D92ED4AD-D01E-4CEB-9FF1-ABB4609BA50F}" dt="2022-09-24T14:29:03.648" v="2035" actId="1076"/>
          <ac:picMkLst>
            <pc:docMk/>
            <pc:sldMk cId="3067544362" sldId="567"/>
            <ac:picMk id="4" creationId="{AE8F93E9-BDC3-47BF-A49C-E09F53172A50}"/>
          </ac:picMkLst>
        </pc:picChg>
      </pc:sldChg>
      <pc:sldChg chg="del mod modShow">
        <pc:chgData name="Merve Turhan" userId="3594cd17-5953-4511-8d53-8cfc799250e7" providerId="ADAL" clId="{D92ED4AD-D01E-4CEB-9FF1-ABB4609BA50F}" dt="2022-10-03T14:24:33.724" v="2216" actId="47"/>
        <pc:sldMkLst>
          <pc:docMk/>
          <pc:sldMk cId="3731307744" sldId="574"/>
        </pc:sldMkLst>
      </pc:sldChg>
      <pc:sldChg chg="addSp delSp modSp new mod modNotesTx">
        <pc:chgData name="Merve Turhan" userId="3594cd17-5953-4511-8d53-8cfc799250e7" providerId="ADAL" clId="{D92ED4AD-D01E-4CEB-9FF1-ABB4609BA50F}" dt="2022-10-04T08:57:54.189" v="3709" actId="108"/>
        <pc:sldMkLst>
          <pc:docMk/>
          <pc:sldMk cId="3353424131" sldId="575"/>
        </pc:sldMkLst>
        <pc:spChg chg="mod">
          <ac:chgData name="Merve Turhan" userId="3594cd17-5953-4511-8d53-8cfc799250e7" providerId="ADAL" clId="{D92ED4AD-D01E-4CEB-9FF1-ABB4609BA50F}" dt="2022-10-04T08:02:38.178" v="2824" actId="790"/>
          <ac:spMkLst>
            <pc:docMk/>
            <pc:sldMk cId="3353424131" sldId="575"/>
            <ac:spMk id="2" creationId="{6461BD23-0430-4152-8B94-B626B2830B75}"/>
          </ac:spMkLst>
        </pc:spChg>
        <pc:spChg chg="mod">
          <ac:chgData name="Merve Turhan" userId="3594cd17-5953-4511-8d53-8cfc799250e7" providerId="ADAL" clId="{D92ED4AD-D01E-4CEB-9FF1-ABB4609BA50F}" dt="2022-10-04T08:57:54.189" v="3709" actId="108"/>
          <ac:spMkLst>
            <pc:docMk/>
            <pc:sldMk cId="3353424131" sldId="575"/>
            <ac:spMk id="3" creationId="{CC419AA3-CE22-4575-A7C3-854C8BF78334}"/>
          </ac:spMkLst>
        </pc:spChg>
        <pc:spChg chg="add mod">
          <ac:chgData name="Merve Turhan" userId="3594cd17-5953-4511-8d53-8cfc799250e7" providerId="ADAL" clId="{D92ED4AD-D01E-4CEB-9FF1-ABB4609BA50F}" dt="2022-10-04T08:02:38.194" v="2826" actId="790"/>
          <ac:spMkLst>
            <pc:docMk/>
            <pc:sldMk cId="3353424131" sldId="575"/>
            <ac:spMk id="4" creationId="{76C5B5D3-9630-424B-B00D-9E5DBC3BEFAF}"/>
          </ac:spMkLst>
        </pc:spChg>
        <pc:picChg chg="add del mod">
          <ac:chgData name="Merve Turhan" userId="3594cd17-5953-4511-8d53-8cfc799250e7" providerId="ADAL" clId="{D92ED4AD-D01E-4CEB-9FF1-ABB4609BA50F}" dt="2022-09-09T09:04:28.161" v="810"/>
          <ac:picMkLst>
            <pc:docMk/>
            <pc:sldMk cId="3353424131" sldId="575"/>
            <ac:picMk id="5" creationId="{13111A18-0182-4A9B-AA73-3DB7F8EAC91E}"/>
          </ac:picMkLst>
        </pc:picChg>
        <pc:picChg chg="add del mod">
          <ac:chgData name="Merve Turhan" userId="3594cd17-5953-4511-8d53-8cfc799250e7" providerId="ADAL" clId="{D92ED4AD-D01E-4CEB-9FF1-ABB4609BA50F}" dt="2022-09-09T09:04:31.431" v="812"/>
          <ac:picMkLst>
            <pc:docMk/>
            <pc:sldMk cId="3353424131" sldId="575"/>
            <ac:picMk id="7" creationId="{CDECAEA6-FC81-44DE-B302-A2A27629CA13}"/>
          </ac:picMkLst>
        </pc:picChg>
      </pc:sldChg>
      <pc:sldChg chg="addSp modSp new mod modNotesTx">
        <pc:chgData name="Merve Turhan" userId="3594cd17-5953-4511-8d53-8cfc799250e7" providerId="ADAL" clId="{D92ED4AD-D01E-4CEB-9FF1-ABB4609BA50F}" dt="2022-10-04T10:17:16.686" v="3726" actId="20577"/>
        <pc:sldMkLst>
          <pc:docMk/>
          <pc:sldMk cId="3110003027" sldId="576"/>
        </pc:sldMkLst>
        <pc:spChg chg="mod">
          <ac:chgData name="Merve Turhan" userId="3594cd17-5953-4511-8d53-8cfc799250e7" providerId="ADAL" clId="{D92ED4AD-D01E-4CEB-9FF1-ABB4609BA50F}" dt="2022-10-04T08:02:38.194" v="2827" actId="790"/>
          <ac:spMkLst>
            <pc:docMk/>
            <pc:sldMk cId="3110003027" sldId="576"/>
            <ac:spMk id="2" creationId="{E7083D10-CCB4-418B-9907-A9BE00152ED3}"/>
          </ac:spMkLst>
        </pc:spChg>
        <pc:spChg chg="mod">
          <ac:chgData name="Merve Turhan" userId="3594cd17-5953-4511-8d53-8cfc799250e7" providerId="ADAL" clId="{D92ED4AD-D01E-4CEB-9FF1-ABB4609BA50F}" dt="2022-10-04T10:17:16.686" v="3726" actId="20577"/>
          <ac:spMkLst>
            <pc:docMk/>
            <pc:sldMk cId="3110003027" sldId="576"/>
            <ac:spMk id="3" creationId="{C8A9AFF7-90BE-454A-818C-3DAF95FD5DF7}"/>
          </ac:spMkLst>
        </pc:spChg>
        <pc:spChg chg="add mod">
          <ac:chgData name="Merve Turhan" userId="3594cd17-5953-4511-8d53-8cfc799250e7" providerId="ADAL" clId="{D92ED4AD-D01E-4CEB-9FF1-ABB4609BA50F}" dt="2022-10-04T08:32:10.435" v="3675" actId="20577"/>
          <ac:spMkLst>
            <pc:docMk/>
            <pc:sldMk cId="3110003027" sldId="576"/>
            <ac:spMk id="4" creationId="{F1DD72C2-55A9-49E6-8A55-C267C2D0293F}"/>
          </ac:spMkLst>
        </pc:spChg>
      </pc:sldChg>
      <pc:sldChg chg="modSp add del mod modAnim">
        <pc:chgData name="Merve Turhan" userId="3594cd17-5953-4511-8d53-8cfc799250e7" providerId="ADAL" clId="{D92ED4AD-D01E-4CEB-9FF1-ABB4609BA50F}" dt="2022-10-04T08:02:38.126" v="2751"/>
        <pc:sldMkLst>
          <pc:docMk/>
          <pc:sldMk cId="1289849602" sldId="577"/>
        </pc:sldMkLst>
        <pc:spChg chg="mod">
          <ac:chgData name="Merve Turhan" userId="3594cd17-5953-4511-8d53-8cfc799250e7" providerId="ADAL" clId="{D92ED4AD-D01E-4CEB-9FF1-ABB4609BA50F}" dt="2022-10-04T08:02:38.126" v="2750" actId="790"/>
          <ac:spMkLst>
            <pc:docMk/>
            <pc:sldMk cId="1289849602" sldId="577"/>
            <ac:spMk id="2" creationId="{D2DD72F2-8E4F-4D7F-9707-468C58A8460A}"/>
          </ac:spMkLst>
        </pc:spChg>
        <pc:spChg chg="mod">
          <ac:chgData name="Merve Turhan" userId="3594cd17-5953-4511-8d53-8cfc799250e7" providerId="ADAL" clId="{D92ED4AD-D01E-4CEB-9FF1-ABB4609BA50F}" dt="2022-10-04T08:02:38.126" v="2751"/>
          <ac:spMkLst>
            <pc:docMk/>
            <pc:sldMk cId="1289849602" sldId="577"/>
            <ac:spMk id="3" creationId="{ECB922AC-EC49-4BAB-880A-2BDBE3F18C84}"/>
          </ac:spMkLst>
        </pc:spChg>
      </pc:sldChg>
      <pc:sldChg chg="modSp add mod modAnim">
        <pc:chgData name="Merve Turhan" userId="3594cd17-5953-4511-8d53-8cfc799250e7" providerId="ADAL" clId="{D92ED4AD-D01E-4CEB-9FF1-ABB4609BA50F}" dt="2022-10-04T08:34:09.617" v="3703"/>
        <pc:sldMkLst>
          <pc:docMk/>
          <pc:sldMk cId="2493018123" sldId="578"/>
        </pc:sldMkLst>
        <pc:spChg chg="mod">
          <ac:chgData name="Merve Turhan" userId="3594cd17-5953-4511-8d53-8cfc799250e7" providerId="ADAL" clId="{D92ED4AD-D01E-4CEB-9FF1-ABB4609BA50F}" dt="2022-10-04T08:02:38.126" v="2752" actId="790"/>
          <ac:spMkLst>
            <pc:docMk/>
            <pc:sldMk cId="2493018123" sldId="578"/>
            <ac:spMk id="2" creationId="{2F400340-41C8-4D5E-9D2A-DCC37CE28724}"/>
          </ac:spMkLst>
        </pc:spChg>
        <pc:spChg chg="mod">
          <ac:chgData name="Merve Turhan" userId="3594cd17-5953-4511-8d53-8cfc799250e7" providerId="ADAL" clId="{D92ED4AD-D01E-4CEB-9FF1-ABB4609BA50F}" dt="2022-10-04T08:02:38.126" v="2753"/>
          <ac:spMkLst>
            <pc:docMk/>
            <pc:sldMk cId="2493018123" sldId="578"/>
            <ac:spMk id="3" creationId="{CDF0FE6E-FE68-4C60-8872-CD6C49828A02}"/>
          </ac:spMkLst>
        </pc:spChg>
      </pc:sldChg>
      <pc:sldChg chg="delSp modSp add mod ord delAnim modAnim">
        <pc:chgData name="Merve Turhan" userId="3594cd17-5953-4511-8d53-8cfc799250e7" providerId="ADAL" clId="{D92ED4AD-D01E-4CEB-9FF1-ABB4609BA50F}" dt="2022-10-04T08:02:38.142" v="2765"/>
        <pc:sldMkLst>
          <pc:docMk/>
          <pc:sldMk cId="139325207" sldId="583"/>
        </pc:sldMkLst>
        <pc:spChg chg="mod">
          <ac:chgData name="Merve Turhan" userId="3594cd17-5953-4511-8d53-8cfc799250e7" providerId="ADAL" clId="{D92ED4AD-D01E-4CEB-9FF1-ABB4609BA50F}" dt="2022-10-04T08:02:38.142" v="2763" actId="790"/>
          <ac:spMkLst>
            <pc:docMk/>
            <pc:sldMk cId="139325207" sldId="583"/>
            <ac:spMk id="2" creationId="{8CC08D8F-303A-4E54-8CED-2D2FF97D8C29}"/>
          </ac:spMkLst>
        </pc:spChg>
        <pc:spChg chg="mod">
          <ac:chgData name="Merve Turhan" userId="3594cd17-5953-4511-8d53-8cfc799250e7" providerId="ADAL" clId="{D92ED4AD-D01E-4CEB-9FF1-ABB4609BA50F}" dt="2022-10-04T08:02:38.142" v="2764"/>
          <ac:spMkLst>
            <pc:docMk/>
            <pc:sldMk cId="139325207" sldId="583"/>
            <ac:spMk id="3" creationId="{5CCD7E22-6CD2-44DE-9A09-B103C483EDA2}"/>
          </ac:spMkLst>
        </pc:spChg>
        <pc:spChg chg="mod">
          <ac:chgData name="Merve Turhan" userId="3594cd17-5953-4511-8d53-8cfc799250e7" providerId="ADAL" clId="{D92ED4AD-D01E-4CEB-9FF1-ABB4609BA50F}" dt="2022-10-04T08:02:38.142" v="2765"/>
          <ac:spMkLst>
            <pc:docMk/>
            <pc:sldMk cId="139325207" sldId="583"/>
            <ac:spMk id="5" creationId="{98745D58-4E73-4F0A-B67C-7F1243E240F6}"/>
          </ac:spMkLst>
        </pc:spChg>
        <pc:spChg chg="del">
          <ac:chgData name="Merve Turhan" userId="3594cd17-5953-4511-8d53-8cfc799250e7" providerId="ADAL" clId="{D92ED4AD-D01E-4CEB-9FF1-ABB4609BA50F}" dt="2022-10-04T00:59:45.307" v="2234" actId="478"/>
          <ac:spMkLst>
            <pc:docMk/>
            <pc:sldMk cId="139325207" sldId="583"/>
            <ac:spMk id="6" creationId="{C733C4F2-50E6-4E9C-8C48-F0113A790A5B}"/>
          </ac:spMkLst>
        </pc:spChg>
        <pc:picChg chg="del">
          <ac:chgData name="Merve Turhan" userId="3594cd17-5953-4511-8d53-8cfc799250e7" providerId="ADAL" clId="{D92ED4AD-D01E-4CEB-9FF1-ABB4609BA50F}" dt="2022-10-04T00:59:42.112" v="2233" actId="478"/>
          <ac:picMkLst>
            <pc:docMk/>
            <pc:sldMk cId="139325207" sldId="583"/>
            <ac:picMk id="7" creationId="{46D6DE7A-5A44-403C-9DA7-DC24D170DA0A}"/>
          </ac:picMkLst>
        </pc:picChg>
      </pc:sldChg>
      <pc:sldMasterChg chg="modSp mod modSldLayout">
        <pc:chgData name="Merve Turhan" userId="3594cd17-5953-4511-8d53-8cfc799250e7" providerId="ADAL" clId="{D92ED4AD-D01E-4CEB-9FF1-ABB4609BA50F}" dt="2022-10-04T16:16:18.251" v="3890" actId="20577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D92ED4AD-D01E-4CEB-9FF1-ABB4609BA50F}" dt="2022-10-04T08:02:38.573" v="3060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D92ED4AD-D01E-4CEB-9FF1-ABB4609BA50F}" dt="2022-10-04T08:02:38.573" v="3059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D92ED4AD-D01E-4CEB-9FF1-ABB4609BA50F}" dt="2022-10-04T16:16:17.972" v="3730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D92ED4AD-D01E-4CEB-9FF1-ABB4609BA50F}" dt="2022-10-04T08:02:38.215" v="2851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7.972" v="3730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D92ED4AD-D01E-4CEB-9FF1-ABB4609BA50F}" dt="2022-10-04T08:02:38.215" v="2855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D92ED4AD-D01E-4CEB-9FF1-ABB4609BA50F}" dt="2022-10-04T08:02:38.210" v="2848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D92ED4AD-D01E-4CEB-9FF1-ABB4609BA50F}" dt="2022-10-04T08:02:38.215" v="2852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15" v="2853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15" v="2850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15" v="2849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7.988" v="3738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D92ED4AD-D01E-4CEB-9FF1-ABB4609BA50F}" dt="2022-10-04T08:02:38.215" v="2864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D92ED4AD-D01E-4CEB-9FF1-ABB4609BA50F}" dt="2022-10-04T16:16:17.988" v="3738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D92ED4AD-D01E-4CEB-9FF1-ABB4609BA50F}" dt="2022-10-04T08:02:38.231" v="2865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D92ED4AD-D01E-4CEB-9FF1-ABB4609BA50F}" dt="2022-10-04T08:02:38.231" v="2866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D92ED4AD-D01E-4CEB-9FF1-ABB4609BA50F}" dt="2022-10-04T08:02:38.231" v="2868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7.995" v="3742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D92ED4AD-D01E-4CEB-9FF1-ABB4609BA50F}" dt="2022-10-04T16:16:17.995" v="3742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D92ED4AD-D01E-4CEB-9FF1-ABB4609BA50F}" dt="2022-10-04T08:02:38.231" v="2870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D92ED4AD-D01E-4CEB-9FF1-ABB4609BA50F}" dt="2022-10-04T08:02:38.231" v="2871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D92ED4AD-D01E-4CEB-9FF1-ABB4609BA50F}" dt="2022-10-04T08:02:38.231" v="2873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D92ED4AD-D01E-4CEB-9FF1-ABB4609BA50F}" dt="2022-10-04T08:02:38.231" v="2869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02" v="3746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D92ED4AD-D01E-4CEB-9FF1-ABB4609BA50F}" dt="2022-10-04T08:02:38.231" v="2874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02" v="3746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D92ED4AD-D01E-4CEB-9FF1-ABB4609BA50F}" dt="2022-10-04T08:02:38.241" v="2878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D92ED4AD-D01E-4CEB-9FF1-ABB4609BA50F}" dt="2022-10-04T08:02:38.241" v="2875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D92ED4AD-D01E-4CEB-9FF1-ABB4609BA50F}" dt="2022-10-04T08:02:38.241" v="2876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08" v="3750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D92ED4AD-D01E-4CEB-9FF1-ABB4609BA50F}" dt="2022-10-04T08:02:38.241" v="2879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08" v="3750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D92ED4AD-D01E-4CEB-9FF1-ABB4609BA50F}" dt="2022-10-04T08:02:38.241" v="2883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D92ED4AD-D01E-4CEB-9FF1-ABB4609BA50F}" dt="2022-10-04T08:02:38.241" v="2880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D92ED4AD-D01E-4CEB-9FF1-ABB4609BA50F}" dt="2022-10-04T08:02:38.241" v="2881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16" v="3754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D92ED4AD-D01E-4CEB-9FF1-ABB4609BA50F}" dt="2022-10-04T08:02:38.241" v="2884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16" v="3754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D92ED4AD-D01E-4CEB-9FF1-ABB4609BA50F}" dt="2022-10-04T08:02:38.241" v="2888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D92ED4AD-D01E-4CEB-9FF1-ABB4609BA50F}" dt="2022-10-04T08:02:38.241" v="2885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D92ED4AD-D01E-4CEB-9FF1-ABB4609BA50F}" dt="2022-10-04T08:02:38.241" v="2886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23" v="3758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D92ED4AD-D01E-4CEB-9FF1-ABB4609BA50F}" dt="2022-10-04T08:02:38.241" v="2889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23" v="3758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D92ED4AD-D01E-4CEB-9FF1-ABB4609BA50F}" dt="2022-10-04T08:02:38.258" v="2893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D92ED4AD-D01E-4CEB-9FF1-ABB4609BA50F}" dt="2022-10-04T08:02:38.241" v="2890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D92ED4AD-D01E-4CEB-9FF1-ABB4609BA50F}" dt="2022-10-04T08:02:38.257" v="2891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30" v="3762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D92ED4AD-D01E-4CEB-9FF1-ABB4609BA50F}" dt="2022-10-04T08:02:38.258" v="2894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30" v="3762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D92ED4AD-D01E-4CEB-9FF1-ABB4609BA50F}" dt="2022-10-04T08:02:38.262" v="2898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D92ED4AD-D01E-4CEB-9FF1-ABB4609BA50F}" dt="2022-10-04T08:02:38.258" v="2895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D92ED4AD-D01E-4CEB-9FF1-ABB4609BA50F}" dt="2022-10-04T08:02:38.262" v="2896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35" v="3766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D92ED4AD-D01E-4CEB-9FF1-ABB4609BA50F}" dt="2022-10-04T08:02:38.262" v="2899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35" v="3766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D92ED4AD-D01E-4CEB-9FF1-ABB4609BA50F}" dt="2022-10-04T08:02:38.262" v="2903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D92ED4AD-D01E-4CEB-9FF1-ABB4609BA50F}" dt="2022-10-04T08:02:38.262" v="2900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D92ED4AD-D01E-4CEB-9FF1-ABB4609BA50F}" dt="2022-10-04T08:02:38.262" v="2901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41" v="3770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D92ED4AD-D01E-4CEB-9FF1-ABB4609BA50F}" dt="2022-10-04T16:16:18.041" v="3770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D92ED4AD-D01E-4CEB-9FF1-ABB4609BA50F}" dt="2022-10-04T08:02:38.262" v="2907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D92ED4AD-D01E-4CEB-9FF1-ABB4609BA50F}" dt="2022-10-04T08:02:38.262" v="2904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D92ED4AD-D01E-4CEB-9FF1-ABB4609BA50F}" dt="2022-10-04T08:02:38.262" v="2905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49" v="3774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D92ED4AD-D01E-4CEB-9FF1-ABB4609BA50F}" dt="2022-10-04T16:16:18.049" v="3774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D92ED4AD-D01E-4CEB-9FF1-ABB4609BA50F}" dt="2022-10-04T08:02:38.262" v="2910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D92ED4AD-D01E-4CEB-9FF1-ABB4609BA50F}" dt="2022-10-04T08:02:38.262" v="2908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59" v="3782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D92ED4AD-D01E-4CEB-9FF1-ABB4609BA50F}" dt="2022-10-04T16:16:18.059" v="3782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D92ED4AD-D01E-4CEB-9FF1-ABB4609BA50F}" dt="2022-10-04T08:02:38.279" v="2913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79" v="2915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16" v="3814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D92ED4AD-D01E-4CEB-9FF1-ABB4609BA50F}" dt="2022-10-04T08:02:38.295" v="2945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D92ED4AD-D01E-4CEB-9FF1-ABB4609BA50F}" dt="2022-10-04T08:02:38.295" v="2944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16" v="3814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D92ED4AD-D01E-4CEB-9FF1-ABB4609BA50F}" dt="2022-10-04T08:02:38.311" v="2947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56" v="3842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D92ED4AD-D01E-4CEB-9FF1-ABB4609BA50F}" dt="2022-10-04T08:02:38.341" v="2975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41" v="2976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41" v="2974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D92ED4AD-D01E-4CEB-9FF1-ABB4609BA50F}" dt="2022-10-04T16:16:18.156" v="3842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D92ED4AD-D01E-4CEB-9FF1-ABB4609BA50F}" dt="2022-10-04T08:02:38.341" v="2978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62" v="3846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D92ED4AD-D01E-4CEB-9FF1-ABB4609BA50F}" dt="2022-10-04T08:02:38.341" v="2981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41" v="2979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D92ED4AD-D01E-4CEB-9FF1-ABB4609BA50F}" dt="2022-10-04T08:02:38.341" v="2980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62" v="3846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D92ED4AD-D01E-4CEB-9FF1-ABB4609BA50F}" dt="2022-10-04T08:02:38.341" v="2983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21" v="3870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D92ED4AD-D01E-4CEB-9FF1-ABB4609BA50F}" dt="2022-10-04T08:02:38.378" v="3011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94" v="3012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78" v="3010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D92ED4AD-D01E-4CEB-9FF1-ABB4609BA50F}" dt="2022-10-04T08:02:38.394" v="3013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21" v="3870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D92ED4AD-D01E-4CEB-9FF1-ABB4609BA50F}" dt="2022-10-04T08:02:38.394" v="3015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27" v="3874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D92ED4AD-D01E-4CEB-9FF1-ABB4609BA50F}" dt="2022-10-04T08:02:38.394" v="3017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94" v="3018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94" v="3016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D92ED4AD-D01E-4CEB-9FF1-ABB4609BA50F}" dt="2022-10-04T08:02:38.394" v="3019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94" v="3020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27" v="3874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D92ED4AD-D01E-4CEB-9FF1-ABB4609BA50F}" dt="2022-10-04T08:02:38.394" v="3022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34" v="3878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D92ED4AD-D01E-4CEB-9FF1-ABB4609BA50F}" dt="2022-10-04T08:02:38.410" v="3024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25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23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D92ED4AD-D01E-4CEB-9FF1-ABB4609BA50F}" dt="2022-10-04T08:02:38.410" v="3026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27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34" v="3878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D92ED4AD-D01E-4CEB-9FF1-ABB4609BA50F}" dt="2022-10-04T08:02:38.410" v="3029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40" v="3882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D92ED4AD-D01E-4CEB-9FF1-ABB4609BA50F}" dt="2022-10-04T08:02:38.410" v="3031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32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30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D92ED4AD-D01E-4CEB-9FF1-ABB4609BA50F}" dt="2022-10-04T08:02:38.426" v="3033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26" v="3034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40" v="3882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D92ED4AD-D01E-4CEB-9FF1-ABB4609BA50F}" dt="2022-10-04T08:02:38.426" v="3036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51" v="3890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D92ED4AD-D01E-4CEB-9FF1-ABB4609BA50F}" dt="2022-10-04T08:02:38.442" v="3045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6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7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8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50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9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57" v="3052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51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4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D92ED4AD-D01E-4CEB-9FF1-ABB4609BA50F}" dt="2022-10-04T16:16:18.251" v="3890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D92ED4AD-D01E-4CEB-9FF1-ABB4609BA50F}" dt="2022-10-04T08:02:38.458" v="3054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32" v="3826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D92ED4AD-D01E-4CEB-9FF1-ABB4609BA50F}" dt="2022-10-04T08:02:38.311" v="2957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11" v="2956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D92ED4AD-D01E-4CEB-9FF1-ABB4609BA50F}" dt="2022-10-04T16:16:18.132" v="3826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D92ED4AD-D01E-4CEB-9FF1-ABB4609BA50F}" dt="2022-10-04T08:02:38.324" v="2959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38" v="3830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D92ED4AD-D01E-4CEB-9FF1-ABB4609BA50F}" dt="2022-10-04T08:02:38.324" v="2962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D92ED4AD-D01E-4CEB-9FF1-ABB4609BA50F}" dt="2022-10-04T08:02:38.324" v="2961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24" v="2960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38" v="3830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D92ED4AD-D01E-4CEB-9FF1-ABB4609BA50F}" dt="2022-10-04T08:02:38.324" v="2964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44" v="3834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D92ED4AD-D01E-4CEB-9FF1-ABB4609BA50F}" dt="2022-10-04T08:02:38.324" v="2966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24" v="2965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D92ED4AD-D01E-4CEB-9FF1-ABB4609BA50F}" dt="2022-10-04T16:16:18.144" v="3834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D92ED4AD-D01E-4CEB-9FF1-ABB4609BA50F}" dt="2022-10-04T08:02:38.324" v="2968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50" v="3838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D92ED4AD-D01E-4CEB-9FF1-ABB4609BA50F}" dt="2022-10-04T08:02:38.324" v="2971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D92ED4AD-D01E-4CEB-9FF1-ABB4609BA50F}" dt="2022-10-04T08:02:38.324" v="2970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24" v="2969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50" v="3838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D92ED4AD-D01E-4CEB-9FF1-ABB4609BA50F}" dt="2022-10-04T08:02:38.341" v="2973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69" v="3850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D92ED4AD-D01E-4CEB-9FF1-ABB4609BA50F}" dt="2022-10-04T08:02:38.357" v="2985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57" v="2986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57" v="2984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D92ED4AD-D01E-4CEB-9FF1-ABB4609BA50F}" dt="2022-10-04T16:16:18.169" v="3850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D92ED4AD-D01E-4CEB-9FF1-ABB4609BA50F}" dt="2022-10-04T08:02:38.357" v="2988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76" v="3854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D92ED4AD-D01E-4CEB-9FF1-ABB4609BA50F}" dt="2022-10-04T08:02:38.363" v="2990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63" v="2991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63" v="2989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D92ED4AD-D01E-4CEB-9FF1-ABB4609BA50F}" dt="2022-10-04T16:16:18.176" v="3854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D92ED4AD-D01E-4CEB-9FF1-ABB4609BA50F}" dt="2022-10-04T08:02:38.363" v="2993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00" v="3858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D92ED4AD-D01E-4CEB-9FF1-ABB4609BA50F}" dt="2022-10-04T08:02:38.363" v="2995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63" v="2994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D92ED4AD-D01E-4CEB-9FF1-ABB4609BA50F}" dt="2022-10-04T08:02:38.363" v="2996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00" v="3858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D92ED4AD-D01E-4CEB-9FF1-ABB4609BA50F}" dt="2022-10-04T08:02:38.363" v="2998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07" v="3862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D92ED4AD-D01E-4CEB-9FF1-ABB4609BA50F}" dt="2022-10-04T08:02:38.363" v="2999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D92ED4AD-D01E-4CEB-9FF1-ABB4609BA50F}" dt="2022-10-04T08:02:38.363" v="3000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78" v="3001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07" v="3862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D92ED4AD-D01E-4CEB-9FF1-ABB4609BA50F}" dt="2022-10-04T08:02:38.378" v="3003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45" v="3886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D92ED4AD-D01E-4CEB-9FF1-ABB4609BA50F}" dt="2022-10-04T08:02:38.426" v="3038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26" v="3039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26" v="3040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26" v="3041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D92ED4AD-D01E-4CEB-9FF1-ABB4609BA50F}" dt="2022-10-04T08:02:38.426" v="3037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D92ED4AD-D01E-4CEB-9FF1-ABB4609BA50F}" dt="2022-10-04T16:16:18.245" v="3886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D92ED4AD-D01E-4CEB-9FF1-ABB4609BA50F}" dt="2022-10-04T08:02:38.442" v="3043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54" v="3778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D92ED4AD-D01E-4CEB-9FF1-ABB4609BA50F}" dt="2022-10-04T16:16:18.054" v="3778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D92ED4AD-D01E-4CEB-9FF1-ABB4609BA50F}" dt="2022-10-04T08:02:38.278" v="2912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08:02:38.461" v="3055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D92ED4AD-D01E-4CEB-9FF1-ABB4609BA50F}" dt="2022-10-04T08:02:38.461" v="3055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7.981" v="3734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D92ED4AD-D01E-4CEB-9FF1-ABB4609BA50F}" dt="2022-10-04T08:02:38.215" v="2859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D92ED4AD-D01E-4CEB-9FF1-ABB4609BA50F}" dt="2022-10-04T08:02:38.215" v="2860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D92ED4AD-D01E-4CEB-9FF1-ABB4609BA50F}" dt="2022-10-04T08:02:38.215" v="2861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D92ED4AD-D01E-4CEB-9FF1-ABB4609BA50F}" dt="2022-10-04T16:16:17.981" v="3734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D92ED4AD-D01E-4CEB-9FF1-ABB4609BA50F}" dt="2022-10-04T08:02:38.215" v="2863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D92ED4AD-D01E-4CEB-9FF1-ABB4609BA50F}" dt="2022-10-04T08:02:38.215" v="2856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D92ED4AD-D01E-4CEB-9FF1-ABB4609BA50F}" dt="2022-10-04T08:02:38.215" v="2858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15" v="2857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26" v="3822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D92ED4AD-D01E-4CEB-9FF1-ABB4609BA50F}" dt="2022-10-04T08:02:38.311" v="2953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D92ED4AD-D01E-4CEB-9FF1-ABB4609BA50F}" dt="2022-10-04T08:02:38.311" v="2952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D92ED4AD-D01E-4CEB-9FF1-ABB4609BA50F}" dt="2022-10-04T16:16:18.126" v="3822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D92ED4AD-D01E-4CEB-9FF1-ABB4609BA50F}" dt="2022-10-04T08:02:38.311" v="2955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15" v="3866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D92ED4AD-D01E-4CEB-9FF1-ABB4609BA50F}" dt="2022-10-04T08:02:38.378" v="3005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78" v="3007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D92ED4AD-D01E-4CEB-9FF1-ABB4609BA50F}" dt="2022-10-04T08:02:38.378" v="3006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15" v="3866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D92ED4AD-D01E-4CEB-9FF1-ABB4609BA50F}" dt="2022-10-04T08:02:38.378" v="3004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D92ED4AD-D01E-4CEB-9FF1-ABB4609BA50F}" dt="2022-10-04T08:02:38.378" v="3009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66" v="3786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D92ED4AD-D01E-4CEB-9FF1-ABB4609BA50F}" dt="2022-10-04T08:02:38.279" v="2916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79" v="2917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66" v="3786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D92ED4AD-D01E-4CEB-9FF1-ABB4609BA50F}" dt="2022-10-04T08:02:38.279" v="2919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71" v="3790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D92ED4AD-D01E-4CEB-9FF1-ABB4609BA50F}" dt="2022-10-04T08:02:38.279" v="2920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79" v="2921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71" v="3790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D92ED4AD-D01E-4CEB-9FF1-ABB4609BA50F}" dt="2022-10-04T08:02:38.279" v="2923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79" v="3794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D92ED4AD-D01E-4CEB-9FF1-ABB4609BA50F}" dt="2022-10-04T08:02:38.279" v="2924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79" v="2925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79" v="3794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D92ED4AD-D01E-4CEB-9FF1-ABB4609BA50F}" dt="2022-10-04T08:02:38.279" v="2927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85" v="3798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D92ED4AD-D01E-4CEB-9FF1-ABB4609BA50F}" dt="2022-10-04T08:02:38.279" v="2928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79" v="2929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85" v="3798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D92ED4AD-D01E-4CEB-9FF1-ABB4609BA50F}" dt="2022-10-04T08:02:38.295" v="2931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93" v="3802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D92ED4AD-D01E-4CEB-9FF1-ABB4609BA50F}" dt="2022-10-04T08:02:38.295" v="2932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95" v="2933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93" v="3802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D92ED4AD-D01E-4CEB-9FF1-ABB4609BA50F}" dt="2022-10-04T08:02:38.295" v="2935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00" v="3806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D92ED4AD-D01E-4CEB-9FF1-ABB4609BA50F}" dt="2022-10-04T08:02:38.295" v="2936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95" v="2937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00" v="3806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D92ED4AD-D01E-4CEB-9FF1-ABB4609BA50F}" dt="2022-10-04T08:02:38.295" v="2939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06" v="3810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D92ED4AD-D01E-4CEB-9FF1-ABB4609BA50F}" dt="2022-10-04T08:02:38.295" v="2940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95" v="2941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06" v="3810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D92ED4AD-D01E-4CEB-9FF1-ABB4609BA50F}" dt="2022-10-04T08:02:38.295" v="2943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08:02:38.464" v="3057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D92ED4AD-D01E-4CEB-9FF1-ABB4609BA50F}" dt="2022-10-04T08:02:38.464" v="3056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D92ED4AD-D01E-4CEB-9FF1-ABB4609BA50F}" dt="2022-10-04T08:02:38.464" v="3057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08:02:38.571" v="3058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D92ED4AD-D01E-4CEB-9FF1-ABB4609BA50F}" dt="2022-10-04T08:02:38.571" v="3058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21" v="3818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D92ED4AD-D01E-4CEB-9FF1-ABB4609BA50F}" dt="2022-10-04T08:02:38.311" v="2949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D92ED4AD-D01E-4CEB-9FF1-ABB4609BA50F}" dt="2022-10-04T08:02:38.311" v="2948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21" v="3818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D92ED4AD-D01E-4CEB-9FF1-ABB4609BA50F}" dt="2022-10-04T08:02:38.311" v="2951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Thomas Nyman" userId="ac62be27-690b-42bb-ae39-d787d15a1823" providerId="ADAL" clId="{CADABE43-8221-4840-BE32-C1ED8784127E}"/>
    <pc:docChg chg="undo custSel modSld modMainMaster">
      <pc:chgData name="Thomas Nyman" userId="ac62be27-690b-42bb-ae39-d787d15a1823" providerId="ADAL" clId="{CADABE43-8221-4840-BE32-C1ED8784127E}" dt="2023-10-13T12:48:14.905" v="239" actId="20577"/>
      <pc:docMkLst>
        <pc:docMk/>
      </pc:docMkLst>
      <pc:sldChg chg="modSp mod">
        <pc:chgData name="Thomas Nyman" userId="ac62be27-690b-42bb-ae39-d787d15a1823" providerId="ADAL" clId="{CADABE43-8221-4840-BE32-C1ED8784127E}" dt="2023-10-13T12:45:58.671" v="235" actId="20577"/>
        <pc:sldMkLst>
          <pc:docMk/>
          <pc:sldMk cId="2892264309" sldId="539"/>
        </pc:sldMkLst>
        <pc:spChg chg="mod">
          <ac:chgData name="Thomas Nyman" userId="ac62be27-690b-42bb-ae39-d787d15a1823" providerId="ADAL" clId="{CADABE43-8221-4840-BE32-C1ED8784127E}" dt="2023-10-13T12:45:58.671" v="235" actId="20577"/>
          <ac:spMkLst>
            <pc:docMk/>
            <pc:sldMk cId="2892264309" sldId="539"/>
            <ac:spMk id="100" creationId="{16FCE30F-6483-EC4C-F408-2ACC8D448DBC}"/>
          </ac:spMkLst>
        </pc:spChg>
      </pc:sldChg>
      <pc:sldChg chg="modNotesTx">
        <pc:chgData name="Thomas Nyman" userId="ac62be27-690b-42bb-ae39-d787d15a1823" providerId="ADAL" clId="{CADABE43-8221-4840-BE32-C1ED8784127E}" dt="2023-10-13T12:40:04.595" v="212" actId="20577"/>
        <pc:sldMkLst>
          <pc:docMk/>
          <pc:sldMk cId="3226931249" sldId="565"/>
        </pc:sldMkLst>
      </pc:sldChg>
      <pc:sldChg chg="modSp mod">
        <pc:chgData name="Thomas Nyman" userId="ac62be27-690b-42bb-ae39-d787d15a1823" providerId="ADAL" clId="{CADABE43-8221-4840-BE32-C1ED8784127E}" dt="2023-10-13T12:33:34.944" v="169" actId="20577"/>
        <pc:sldMkLst>
          <pc:docMk/>
          <pc:sldMk cId="3417283110" sldId="585"/>
        </pc:sldMkLst>
        <pc:spChg chg="mod">
          <ac:chgData name="Thomas Nyman" userId="ac62be27-690b-42bb-ae39-d787d15a1823" providerId="ADAL" clId="{CADABE43-8221-4840-BE32-C1ED8784127E}" dt="2023-10-13T12:33:34.944" v="169" actId="20577"/>
          <ac:spMkLst>
            <pc:docMk/>
            <pc:sldMk cId="3417283110" sldId="585"/>
            <ac:spMk id="5" creationId="{393A08AF-E8DD-44C5-A85C-B1192DD283A4}"/>
          </ac:spMkLst>
        </pc:spChg>
        <pc:spChg chg="mod">
          <ac:chgData name="Thomas Nyman" userId="ac62be27-690b-42bb-ae39-d787d15a1823" providerId="ADAL" clId="{CADABE43-8221-4840-BE32-C1ED8784127E}" dt="2023-10-13T12:33:20.079" v="167" actId="1076"/>
          <ac:spMkLst>
            <pc:docMk/>
            <pc:sldMk cId="3417283110" sldId="585"/>
            <ac:spMk id="8" creationId="{6B21DB6A-AFCE-521E-8E53-C261956078FD}"/>
          </ac:spMkLst>
        </pc:spChg>
      </pc:sldChg>
      <pc:sldChg chg="modSp mod">
        <pc:chgData name="Thomas Nyman" userId="ac62be27-690b-42bb-ae39-d787d15a1823" providerId="ADAL" clId="{CADABE43-8221-4840-BE32-C1ED8784127E}" dt="2023-10-13T12:47:16.507" v="236" actId="1076"/>
        <pc:sldMkLst>
          <pc:docMk/>
          <pc:sldMk cId="3899862933" sldId="587"/>
        </pc:sldMkLst>
        <pc:spChg chg="mod">
          <ac:chgData name="Thomas Nyman" userId="ac62be27-690b-42bb-ae39-d787d15a1823" providerId="ADAL" clId="{CADABE43-8221-4840-BE32-C1ED8784127E}" dt="2023-10-13T12:47:16.507" v="236" actId="1076"/>
          <ac:spMkLst>
            <pc:docMk/>
            <pc:sldMk cId="3899862933" sldId="587"/>
            <ac:spMk id="11" creationId="{957F9C33-8D3B-26BD-75C5-7616654D8612}"/>
          </ac:spMkLst>
        </pc:spChg>
      </pc:sldChg>
      <pc:sldChg chg="modSp mod">
        <pc:chgData name="Thomas Nyman" userId="ac62be27-690b-42bb-ae39-d787d15a1823" providerId="ADAL" clId="{CADABE43-8221-4840-BE32-C1ED8784127E}" dt="2023-10-13T12:38:39.911" v="188" actId="167"/>
        <pc:sldMkLst>
          <pc:docMk/>
          <pc:sldMk cId="1616590868" sldId="588"/>
        </pc:sldMkLst>
        <pc:picChg chg="mod ord">
          <ac:chgData name="Thomas Nyman" userId="ac62be27-690b-42bb-ae39-d787d15a1823" providerId="ADAL" clId="{CADABE43-8221-4840-BE32-C1ED8784127E}" dt="2023-10-13T12:38:39.911" v="188" actId="167"/>
          <ac:picMkLst>
            <pc:docMk/>
            <pc:sldMk cId="1616590868" sldId="588"/>
            <ac:picMk id="33" creationId="{F2EF04DE-1D49-791D-5EFF-CE4772CE9ABF}"/>
          </ac:picMkLst>
        </pc:picChg>
        <pc:picChg chg="mod ord">
          <ac:chgData name="Thomas Nyman" userId="ac62be27-690b-42bb-ae39-d787d15a1823" providerId="ADAL" clId="{CADABE43-8221-4840-BE32-C1ED8784127E}" dt="2023-10-13T12:38:09.970" v="187" actId="14100"/>
          <ac:picMkLst>
            <pc:docMk/>
            <pc:sldMk cId="1616590868" sldId="588"/>
            <ac:picMk id="34" creationId="{4E1CA2EB-646E-3AFC-3104-C6B64AAEBA10}"/>
          </ac:picMkLst>
        </pc:picChg>
      </pc:sldChg>
      <pc:sldChg chg="modSp mod">
        <pc:chgData name="Thomas Nyman" userId="ac62be27-690b-42bb-ae39-d787d15a1823" providerId="ADAL" clId="{CADABE43-8221-4840-BE32-C1ED8784127E}" dt="2023-10-13T12:48:14.905" v="239" actId="20577"/>
        <pc:sldMkLst>
          <pc:docMk/>
          <pc:sldMk cId="2010854677" sldId="595"/>
        </pc:sldMkLst>
        <pc:spChg chg="mod">
          <ac:chgData name="Thomas Nyman" userId="ac62be27-690b-42bb-ae39-d787d15a1823" providerId="ADAL" clId="{CADABE43-8221-4840-BE32-C1ED8784127E}" dt="2023-10-13T12:48:14.905" v="239" actId="20577"/>
          <ac:spMkLst>
            <pc:docMk/>
            <pc:sldMk cId="2010854677" sldId="595"/>
            <ac:spMk id="9" creationId="{CC123C3F-FEEB-7821-CD90-A4F1EE247FC5}"/>
          </ac:spMkLst>
        </pc:spChg>
      </pc:sldChg>
      <pc:sldMasterChg chg="modSldLayout">
        <pc:chgData name="Thomas Nyman" userId="ac62be27-690b-42bb-ae39-d787d15a1823" providerId="ADAL" clId="{CADABE43-8221-4840-BE32-C1ED8784127E}" dt="2023-10-13T12:32:48.425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CADABE43-8221-4840-BE32-C1ED8784127E}" dt="2023-10-13T12:32:48.191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CADABE43-8221-4840-BE32-C1ED8784127E}" dt="2023-10-13T12:32:48.191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193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CADABE43-8221-4840-BE32-C1ED8784127E}" dt="2023-10-13T12:32:48.193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08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CADABE43-8221-4840-BE32-C1ED8784127E}" dt="2023-10-13T12:32:48.208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08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CADABE43-8221-4840-BE32-C1ED8784127E}" dt="2023-10-13T12:32:48.208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08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CADABE43-8221-4840-BE32-C1ED8784127E}" dt="2023-10-13T12:32:48.208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08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CADABE43-8221-4840-BE32-C1ED8784127E}" dt="2023-10-13T12:32:48.208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24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CADABE43-8221-4840-BE32-C1ED8784127E}" dt="2023-10-13T12:32:48.224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24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CADABE43-8221-4840-BE32-C1ED8784127E}" dt="2023-10-13T12:32:48.224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40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CADABE43-8221-4840-BE32-C1ED8784127E}" dt="2023-10-13T12:32:48.240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40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CADABE43-8221-4840-BE32-C1ED8784127E}" dt="2023-10-13T12:32:48.240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55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CADABE43-8221-4840-BE32-C1ED8784127E}" dt="2023-10-13T12:32:48.255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55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CADABE43-8221-4840-BE32-C1ED8784127E}" dt="2023-10-13T12:32:48.255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10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CADABE43-8221-4840-BE32-C1ED8784127E}" dt="2023-10-13T12:32:48.310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54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CADABE43-8221-4840-BE32-C1ED8784127E}" dt="2023-10-13T12:32:48.354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70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CADABE43-8221-4840-BE32-C1ED8784127E}" dt="2023-10-13T12:32:48.370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93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CADABE43-8221-4840-BE32-C1ED8784127E}" dt="2023-10-13T12:32:48.393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93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CADABE43-8221-4840-BE32-C1ED8784127E}" dt="2023-10-13T12:32:48.393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409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CADABE43-8221-4840-BE32-C1ED8784127E}" dt="2023-10-13T12:32:48.409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409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CADABE43-8221-4840-BE32-C1ED8784127E}" dt="2023-10-13T12:32:48.409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425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CADABE43-8221-4840-BE32-C1ED8784127E}" dt="2023-10-13T12:32:48.425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34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CADABE43-8221-4840-BE32-C1ED8784127E}" dt="2023-10-13T12:32:48.334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37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CADABE43-8221-4840-BE32-C1ED8784127E}" dt="2023-10-13T12:32:48.337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37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CADABE43-8221-4840-BE32-C1ED8784127E}" dt="2023-10-13T12:32:48.337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54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CADABE43-8221-4840-BE32-C1ED8784127E}" dt="2023-10-13T12:32:48.354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70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CADABE43-8221-4840-BE32-C1ED8784127E}" dt="2023-10-13T12:32:48.370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70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CADABE43-8221-4840-BE32-C1ED8784127E}" dt="2023-10-13T12:32:48.370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85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CADABE43-8221-4840-BE32-C1ED8784127E}" dt="2023-10-13T12:32:48.385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85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CADABE43-8221-4840-BE32-C1ED8784127E}" dt="2023-10-13T12:32:48.385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425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CADABE43-8221-4840-BE32-C1ED8784127E}" dt="2023-10-13T12:32:48.425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55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CADABE43-8221-4840-BE32-C1ED8784127E}" dt="2023-10-13T12:32:48.255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193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CADABE43-8221-4840-BE32-C1ED8784127E}" dt="2023-10-13T12:32:48.193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26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CADABE43-8221-4840-BE32-C1ED8784127E}" dt="2023-10-13T12:32:48.326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93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CADABE43-8221-4840-BE32-C1ED8784127E}" dt="2023-10-13T12:32:48.393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71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CADABE43-8221-4840-BE32-C1ED8784127E}" dt="2023-10-13T12:32:48.271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71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CADABE43-8221-4840-BE32-C1ED8784127E}" dt="2023-10-13T12:32:48.271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71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CADABE43-8221-4840-BE32-C1ED8784127E}" dt="2023-10-13T12:32:48.271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88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CADABE43-8221-4840-BE32-C1ED8784127E}" dt="2023-10-13T12:32:48.288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97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CADABE43-8221-4840-BE32-C1ED8784127E}" dt="2023-10-13T12:32:48.297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97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CADABE43-8221-4840-BE32-C1ED8784127E}" dt="2023-10-13T12:32:48.297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10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CADABE43-8221-4840-BE32-C1ED8784127E}" dt="2023-10-13T12:32:48.310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10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CADABE43-8221-4840-BE32-C1ED8784127E}" dt="2023-10-13T12:32:48.310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C8BF6973-46E5-49E4-A00E-0CE605532C28}"/>
    <pc:docChg chg="undo redo custSel addSld delSld modSld sldOrd modMainMaster addSection delSection modSection">
      <pc:chgData name="Merve Turhan" userId="3594cd17-5953-4511-8d53-8cfc799250e7" providerId="ADAL" clId="{C8BF6973-46E5-49E4-A00E-0CE605532C28}" dt="2023-06-29T13:03:27.518" v="4809" actId="20577"/>
      <pc:docMkLst>
        <pc:docMk/>
      </pc:docMkLst>
      <pc:sldChg chg="modSp add mod modAnim">
        <pc:chgData name="Merve Turhan" userId="3594cd17-5953-4511-8d53-8cfc799250e7" providerId="ADAL" clId="{C8BF6973-46E5-49E4-A00E-0CE605532C28}" dt="2023-06-29T08:35:18.975" v="3914"/>
        <pc:sldMkLst>
          <pc:docMk/>
          <pc:sldMk cId="1059806586" sldId="289"/>
        </pc:sldMkLst>
        <pc:spChg chg="mod">
          <ac:chgData name="Merve Turhan" userId="3594cd17-5953-4511-8d53-8cfc799250e7" providerId="ADAL" clId="{C8BF6973-46E5-49E4-A00E-0CE605532C28}" dt="2023-06-29T08:35:18.975" v="3908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Turhan" userId="3594cd17-5953-4511-8d53-8cfc799250e7" providerId="ADAL" clId="{C8BF6973-46E5-49E4-A00E-0CE605532C28}" dt="2023-06-29T08:35:18.975" v="3909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Merve Turhan" userId="3594cd17-5953-4511-8d53-8cfc799250e7" providerId="ADAL" clId="{C8BF6973-46E5-49E4-A00E-0CE605532C28}" dt="2023-06-29T08:35:18.975" v="391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Merve Turhan" userId="3594cd17-5953-4511-8d53-8cfc799250e7" providerId="ADAL" clId="{C8BF6973-46E5-49E4-A00E-0CE605532C28}" dt="2023-06-29T08:35:18.975" v="3911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Merve Turhan" userId="3594cd17-5953-4511-8d53-8cfc799250e7" providerId="ADAL" clId="{C8BF6973-46E5-49E4-A00E-0CE605532C28}" dt="2023-06-29T08:35:18.975" v="3912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Merve Turhan" userId="3594cd17-5953-4511-8d53-8cfc799250e7" providerId="ADAL" clId="{C8BF6973-46E5-49E4-A00E-0CE605532C28}" dt="2023-06-29T08:35:18.975" v="3913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Merve Turhan" userId="3594cd17-5953-4511-8d53-8cfc799250e7" providerId="ADAL" clId="{C8BF6973-46E5-49E4-A00E-0CE605532C28}" dt="2023-06-29T08:35:18.975" v="3914"/>
          <ac:spMkLst>
            <pc:docMk/>
            <pc:sldMk cId="1059806586" sldId="289"/>
            <ac:spMk id="15" creationId="{80EDF406-7701-48DD-AAB0-B20D9721C7CC}"/>
          </ac:spMkLst>
        </pc:spChg>
      </pc:sldChg>
      <pc:sldChg chg="modSp mod ord">
        <pc:chgData name="Merve Turhan" userId="3594cd17-5953-4511-8d53-8cfc799250e7" providerId="ADAL" clId="{C8BF6973-46E5-49E4-A00E-0CE605532C28}" dt="2023-06-29T08:35:18.985" v="3938" actId="790"/>
        <pc:sldMkLst>
          <pc:docMk/>
          <pc:sldMk cId="2125387437" sldId="491"/>
        </pc:sldMkLst>
        <pc:spChg chg="mod">
          <ac:chgData name="Merve Turhan" userId="3594cd17-5953-4511-8d53-8cfc799250e7" providerId="ADAL" clId="{C8BF6973-46E5-49E4-A00E-0CE605532C28}" dt="2023-06-29T08:35:18.985" v="3932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C8BF6973-46E5-49E4-A00E-0CE605532C28}" dt="2023-06-29T08:35:18.985" v="3933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C8BF6973-46E5-49E4-A00E-0CE605532C28}" dt="2023-06-29T08:35:18.985" v="3934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C8BF6973-46E5-49E4-A00E-0CE605532C28}" dt="2023-06-29T08:35:18.985" v="3935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C8BF6973-46E5-49E4-A00E-0CE605532C28}" dt="2023-06-29T08:35:18.985" v="3936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C8BF6973-46E5-49E4-A00E-0CE605532C28}" dt="2023-06-29T08:35:18.985" v="3937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C8BF6973-46E5-49E4-A00E-0CE605532C28}" dt="2023-06-29T08:35:18.985" v="3938" actId="790"/>
          <ac:spMkLst>
            <pc:docMk/>
            <pc:sldMk cId="2125387437" sldId="491"/>
            <ac:spMk id="86" creationId="{881A8DC3-4C8F-42E9-BD08-9AC9D66EFDE1}"/>
          </ac:spMkLst>
        </pc:spChg>
        <pc:grpChg chg="mod">
          <ac:chgData name="Merve Turhan" userId="3594cd17-5953-4511-8d53-8cfc799250e7" providerId="ADAL" clId="{C8BF6973-46E5-49E4-A00E-0CE605532C28}" dt="2023-06-20T10:53:52.061" v="3769" actId="1076"/>
          <ac:grpSpMkLst>
            <pc:docMk/>
            <pc:sldMk cId="2125387437" sldId="491"/>
            <ac:grpSpMk id="115" creationId="{CBF9F2FF-042D-4217-B829-2B633C3C3619}"/>
          </ac:grpSpMkLst>
        </pc:grpChg>
        <pc:grpChg chg="mod">
          <ac:chgData name="Merve Turhan" userId="3594cd17-5953-4511-8d53-8cfc799250e7" providerId="ADAL" clId="{C8BF6973-46E5-49E4-A00E-0CE605532C28}" dt="2023-06-20T10:53:39.611" v="3768" actId="1076"/>
          <ac:grpSpMkLst>
            <pc:docMk/>
            <pc:sldMk cId="2125387437" sldId="491"/>
            <ac:grpSpMk id="116" creationId="{62E541EF-4BFE-4717-B111-EB0715B29D81}"/>
          </ac:grpSpMkLst>
        </pc:grpChg>
      </pc:sldChg>
      <pc:sldChg chg="modSp mod ord modShow">
        <pc:chgData name="Merve Turhan" userId="3594cd17-5953-4511-8d53-8cfc799250e7" providerId="ADAL" clId="{C8BF6973-46E5-49E4-A00E-0CE605532C28}" dt="2023-06-29T12:11:59.574" v="4694"/>
        <pc:sldMkLst>
          <pc:docMk/>
          <pc:sldMk cId="3526453984" sldId="492"/>
        </pc:sldMkLst>
        <pc:spChg chg="mod">
          <ac:chgData name="Merve Turhan" userId="3594cd17-5953-4511-8d53-8cfc799250e7" providerId="ADAL" clId="{C8BF6973-46E5-49E4-A00E-0CE605532C28}" dt="2023-06-29T08:35:18.985" v="3942" actId="790"/>
          <ac:spMkLst>
            <pc:docMk/>
            <pc:sldMk cId="3526453984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C8BF6973-46E5-49E4-A00E-0CE605532C28}" dt="2023-06-29T08:35:18.995" v="3943" actId="790"/>
          <ac:spMkLst>
            <pc:docMk/>
            <pc:sldMk cId="3526453984" sldId="492"/>
            <ac:spMk id="3" creationId="{E912B625-664A-4682-A8C2-487112DC98B6}"/>
          </ac:spMkLst>
        </pc:spChg>
      </pc:sldChg>
      <pc:sldChg chg="modSp mod modAnim">
        <pc:chgData name="Merve Turhan" userId="3594cd17-5953-4511-8d53-8cfc799250e7" providerId="ADAL" clId="{C8BF6973-46E5-49E4-A00E-0CE605532C28}" dt="2023-06-29T13:03:27.518" v="4809" actId="20577"/>
        <pc:sldMkLst>
          <pc:docMk/>
          <pc:sldMk cId="1207694637" sldId="496"/>
        </pc:sldMkLst>
        <pc:spChg chg="mod">
          <ac:chgData name="Merve Turhan" userId="3594cd17-5953-4511-8d53-8cfc799250e7" providerId="ADAL" clId="{C8BF6973-46E5-49E4-A00E-0CE605532C28}" dt="2023-06-29T08:35:19.025" v="3991" actId="790"/>
          <ac:spMkLst>
            <pc:docMk/>
            <pc:sldMk cId="1207694637" sldId="496"/>
            <ac:spMk id="2" creationId="{5552E3F4-9A06-4671-B090-DF3C6F71903B}"/>
          </ac:spMkLst>
        </pc:spChg>
        <pc:spChg chg="mod">
          <ac:chgData name="Merve Turhan" userId="3594cd17-5953-4511-8d53-8cfc799250e7" providerId="ADAL" clId="{C8BF6973-46E5-49E4-A00E-0CE605532C28}" dt="2023-06-29T08:35:19.025" v="3992" actId="790"/>
          <ac:spMkLst>
            <pc:docMk/>
            <pc:sldMk cId="1207694637" sldId="496"/>
            <ac:spMk id="11" creationId="{40DF9E16-FDDF-4F36-92F7-2C33F6D7DA15}"/>
          </ac:spMkLst>
        </pc:spChg>
        <pc:spChg chg="mod">
          <ac:chgData name="Merve Turhan" userId="3594cd17-5953-4511-8d53-8cfc799250e7" providerId="ADAL" clId="{C8BF6973-46E5-49E4-A00E-0CE605532C28}" dt="2023-06-29T13:03:27.518" v="4809" actId="20577"/>
          <ac:spMkLst>
            <pc:docMk/>
            <pc:sldMk cId="1207694637" sldId="496"/>
            <ac:spMk id="12" creationId="{D643F25B-8492-4DBB-97E5-26AEE18BC390}"/>
          </ac:spMkLst>
        </pc:spChg>
      </pc:sldChg>
      <pc:sldChg chg="addSp delSp modSp add mod delAnim modAnim modNotesTx">
        <pc:chgData name="Merve Turhan" userId="3594cd17-5953-4511-8d53-8cfc799250e7" providerId="ADAL" clId="{C8BF6973-46E5-49E4-A00E-0CE605532C28}" dt="2023-06-29T10:44:15.664" v="4682"/>
        <pc:sldMkLst>
          <pc:docMk/>
          <pc:sldMk cId="2291861504" sldId="531"/>
        </pc:sldMkLst>
        <pc:spChg chg="add del">
          <ac:chgData name="Merve Turhan" userId="3594cd17-5953-4511-8d53-8cfc799250e7" providerId="ADAL" clId="{C8BF6973-46E5-49E4-A00E-0CE605532C28}" dt="2023-06-17T09:52:15.086" v="1667" actId="478"/>
          <ac:spMkLst>
            <pc:docMk/>
            <pc:sldMk cId="2291861504" sldId="531"/>
            <ac:spMk id="2" creationId="{42E99511-A9E6-0BA8-7B1E-DE5CFD22061D}"/>
          </ac:spMkLst>
        </pc:spChg>
        <pc:spChg chg="add mod">
          <ac:chgData name="Merve Turhan" userId="3594cd17-5953-4511-8d53-8cfc799250e7" providerId="ADAL" clId="{C8BF6973-46E5-49E4-A00E-0CE605532C28}" dt="2023-06-29T08:40:59.189" v="4637" actId="1076"/>
          <ac:spMkLst>
            <pc:docMk/>
            <pc:sldMk cId="2291861504" sldId="531"/>
            <ac:spMk id="2" creationId="{EA571C38-FC61-11D4-08A2-29E0EA7BC8BE}"/>
          </ac:spMkLst>
        </pc:spChg>
        <pc:spChg chg="add mod">
          <ac:chgData name="Merve Turhan" userId="3594cd17-5953-4511-8d53-8cfc799250e7" providerId="ADAL" clId="{C8BF6973-46E5-49E4-A00E-0CE605532C28}" dt="2023-06-29T08:43:56.026" v="4658" actId="20577"/>
          <ac:spMkLst>
            <pc:docMk/>
            <pc:sldMk cId="2291861504" sldId="531"/>
            <ac:spMk id="3" creationId="{622BD2ED-A7F7-E246-E8CC-36BF661505DD}"/>
          </ac:spMkLst>
        </pc:spChg>
        <pc:spChg chg="del mod">
          <ac:chgData name="Merve Turhan" userId="3594cd17-5953-4511-8d53-8cfc799250e7" providerId="ADAL" clId="{C8BF6973-46E5-49E4-A00E-0CE605532C28}" dt="2023-06-17T09:58:30.307" v="1786" actId="478"/>
          <ac:spMkLst>
            <pc:docMk/>
            <pc:sldMk cId="2291861504" sldId="531"/>
            <ac:spMk id="3" creationId="{6DE19459-6368-44AA-9A38-0856FA73597F}"/>
          </ac:spMkLst>
        </pc:spChg>
        <pc:spChg chg="mod">
          <ac:chgData name="Merve Turhan" userId="3594cd17-5953-4511-8d53-8cfc799250e7" providerId="ADAL" clId="{C8BF6973-46E5-49E4-A00E-0CE605532C28}" dt="2023-06-29T08:35:18.975" v="3915"/>
          <ac:spMkLst>
            <pc:docMk/>
            <pc:sldMk cId="2291861504" sldId="531"/>
            <ac:spMk id="4" creationId="{F11595E8-3263-472D-8B81-51643410350B}"/>
          </ac:spMkLst>
        </pc:spChg>
        <pc:spChg chg="mod">
          <ac:chgData name="Merve Turhan" userId="3594cd17-5953-4511-8d53-8cfc799250e7" providerId="ADAL" clId="{C8BF6973-46E5-49E4-A00E-0CE605532C28}" dt="2023-06-29T08:35:18.975" v="3916"/>
          <ac:spMkLst>
            <pc:docMk/>
            <pc:sldMk cId="2291861504" sldId="531"/>
            <ac:spMk id="5" creationId="{05504D4C-9148-4EEE-86AD-6DC41E73BFE9}"/>
          </ac:spMkLst>
        </pc:spChg>
        <pc:spChg chg="add mod">
          <ac:chgData name="Merve Turhan" userId="3594cd17-5953-4511-8d53-8cfc799250e7" providerId="ADAL" clId="{C8BF6973-46E5-49E4-A00E-0CE605532C28}" dt="2023-06-29T08:40:53.122" v="4635" actId="1076"/>
          <ac:spMkLst>
            <pc:docMk/>
            <pc:sldMk cId="2291861504" sldId="531"/>
            <ac:spMk id="7" creationId="{CA84EB20-07D7-C163-0B91-01F8FBF162DB}"/>
          </ac:spMkLst>
        </pc:spChg>
        <pc:spChg chg="add mod">
          <ac:chgData name="Merve Turhan" userId="3594cd17-5953-4511-8d53-8cfc799250e7" providerId="ADAL" clId="{C8BF6973-46E5-49E4-A00E-0CE605532C28}" dt="2023-06-29T08:35:18.975" v="3918"/>
          <ac:spMkLst>
            <pc:docMk/>
            <pc:sldMk cId="2291861504" sldId="531"/>
            <ac:spMk id="8" creationId="{D98701EC-EC72-46D7-2ADC-DC2533BDE1A0}"/>
          </ac:spMkLst>
        </pc:spChg>
        <pc:spChg chg="add mod">
          <ac:chgData name="Merve Turhan" userId="3594cd17-5953-4511-8d53-8cfc799250e7" providerId="ADAL" clId="{C8BF6973-46E5-49E4-A00E-0CE605532C28}" dt="2023-06-29T08:39:29.908" v="4622" actId="20577"/>
          <ac:spMkLst>
            <pc:docMk/>
            <pc:sldMk cId="2291861504" sldId="531"/>
            <ac:spMk id="9" creationId="{C971CC61-FB19-ECFA-9041-8FC7A65AEDE0}"/>
          </ac:spMkLst>
        </pc:spChg>
        <pc:spChg chg="add mod">
          <ac:chgData name="Merve Turhan" userId="3594cd17-5953-4511-8d53-8cfc799250e7" providerId="ADAL" clId="{C8BF6973-46E5-49E4-A00E-0CE605532C28}" dt="2023-06-29T08:39:38.503" v="4623"/>
          <ac:spMkLst>
            <pc:docMk/>
            <pc:sldMk cId="2291861504" sldId="531"/>
            <ac:spMk id="10" creationId="{8E550E9E-8540-0D01-761B-E97B90757965}"/>
          </ac:spMkLst>
        </pc:spChg>
        <pc:spChg chg="add mod">
          <ac:chgData name="Merve Turhan" userId="3594cd17-5953-4511-8d53-8cfc799250e7" providerId="ADAL" clId="{C8BF6973-46E5-49E4-A00E-0CE605532C28}" dt="2023-06-29T08:35:18.975" v="3921"/>
          <ac:spMkLst>
            <pc:docMk/>
            <pc:sldMk cId="2291861504" sldId="531"/>
            <ac:spMk id="11" creationId="{376821D0-BD12-83BD-01E5-2F8367829212}"/>
          </ac:spMkLst>
        </pc:spChg>
        <pc:spChg chg="add mod">
          <ac:chgData name="Merve Turhan" userId="3594cd17-5953-4511-8d53-8cfc799250e7" providerId="ADAL" clId="{C8BF6973-46E5-49E4-A00E-0CE605532C28}" dt="2023-06-29T08:39:42.107" v="4629" actId="20577"/>
          <ac:spMkLst>
            <pc:docMk/>
            <pc:sldMk cId="2291861504" sldId="531"/>
            <ac:spMk id="12" creationId="{6B0975DC-CDFB-52F2-66DA-B556BB45FDDA}"/>
          </ac:spMkLst>
        </pc:spChg>
        <pc:spChg chg="add mod">
          <ac:chgData name="Merve Turhan" userId="3594cd17-5953-4511-8d53-8cfc799250e7" providerId="ADAL" clId="{C8BF6973-46E5-49E4-A00E-0CE605532C28}" dt="2023-06-29T08:43:34.602" v="4638" actId="1076"/>
          <ac:spMkLst>
            <pc:docMk/>
            <pc:sldMk cId="2291861504" sldId="531"/>
            <ac:spMk id="13" creationId="{DBC006C8-F879-9149-FDBE-FA074DD0ADA9}"/>
          </ac:spMkLst>
        </pc:spChg>
        <pc:spChg chg="add mod">
          <ac:chgData name="Merve Turhan" userId="3594cd17-5953-4511-8d53-8cfc799250e7" providerId="ADAL" clId="{C8BF6973-46E5-49E4-A00E-0CE605532C28}" dt="2023-06-29T08:40:41.890" v="4634" actId="14100"/>
          <ac:spMkLst>
            <pc:docMk/>
            <pc:sldMk cId="2291861504" sldId="531"/>
            <ac:spMk id="14" creationId="{5CF10E9B-11AF-7BDD-361A-DD7BAF6C6799}"/>
          </ac:spMkLst>
        </pc:spChg>
        <pc:spChg chg="add mod">
          <ac:chgData name="Merve Turhan" userId="3594cd17-5953-4511-8d53-8cfc799250e7" providerId="ADAL" clId="{C8BF6973-46E5-49E4-A00E-0CE605532C28}" dt="2023-06-29T08:35:18.975" v="3924"/>
          <ac:spMkLst>
            <pc:docMk/>
            <pc:sldMk cId="2291861504" sldId="531"/>
            <ac:spMk id="15" creationId="{C10E57A4-5379-AA71-3821-E9A9B9C328F7}"/>
          </ac:spMkLst>
        </pc:spChg>
        <pc:spChg chg="add mod">
          <ac:chgData name="Merve Turhan" userId="3594cd17-5953-4511-8d53-8cfc799250e7" providerId="ADAL" clId="{C8BF6973-46E5-49E4-A00E-0CE605532C28}" dt="2023-06-29T08:35:18.975" v="3925"/>
          <ac:spMkLst>
            <pc:docMk/>
            <pc:sldMk cId="2291861504" sldId="531"/>
            <ac:spMk id="17" creationId="{33C47C86-859C-3B95-ACE2-E74A88724998}"/>
          </ac:spMkLst>
        </pc:spChg>
        <pc:spChg chg="add mod">
          <ac:chgData name="Merve Turhan" userId="3594cd17-5953-4511-8d53-8cfc799250e7" providerId="ADAL" clId="{C8BF6973-46E5-49E4-A00E-0CE605532C28}" dt="2023-06-29T08:35:18.975" v="3926"/>
          <ac:spMkLst>
            <pc:docMk/>
            <pc:sldMk cId="2291861504" sldId="531"/>
            <ac:spMk id="18" creationId="{6729AD82-9879-4F9F-A0FC-61DF5F2A57F3}"/>
          </ac:spMkLst>
        </pc:spChg>
        <pc:spChg chg="add del">
          <ac:chgData name="Merve Turhan" userId="3594cd17-5953-4511-8d53-8cfc799250e7" providerId="ADAL" clId="{C8BF6973-46E5-49E4-A00E-0CE605532C28}" dt="2023-06-20T10:42:54.469" v="3706" actId="22"/>
          <ac:spMkLst>
            <pc:docMk/>
            <pc:sldMk cId="2291861504" sldId="531"/>
            <ac:spMk id="22" creationId="{DA324D05-3922-511C-E230-2E4FB370A822}"/>
          </ac:spMkLst>
        </pc:spChg>
        <pc:spChg chg="add del mod">
          <ac:chgData name="Merve Turhan" userId="3594cd17-5953-4511-8d53-8cfc799250e7" providerId="ADAL" clId="{C8BF6973-46E5-49E4-A00E-0CE605532C28}" dt="2023-06-20T10:48:57.974" v="3753" actId="478"/>
          <ac:spMkLst>
            <pc:docMk/>
            <pc:sldMk cId="2291861504" sldId="531"/>
            <ac:spMk id="27" creationId="{858B4B6C-F3F6-F5E1-44CC-386EFBAC9B81}"/>
          </ac:spMkLst>
        </pc:spChg>
        <pc:graphicFrameChg chg="add del modGraphic">
          <ac:chgData name="Merve Turhan" userId="3594cd17-5953-4511-8d53-8cfc799250e7" providerId="ADAL" clId="{C8BF6973-46E5-49E4-A00E-0CE605532C28}" dt="2023-06-19T13:49:41.954" v="3449" actId="478"/>
          <ac:graphicFrameMkLst>
            <pc:docMk/>
            <pc:sldMk cId="2291861504" sldId="531"/>
            <ac:graphicFrameMk id="3" creationId="{07D3D1D6-EC29-3685-06FD-9830F0D908C3}"/>
          </ac:graphicFrameMkLst>
        </pc:graphicFrameChg>
        <pc:picChg chg="del">
          <ac:chgData name="Merve Turhan" userId="3594cd17-5953-4511-8d53-8cfc799250e7" providerId="ADAL" clId="{C8BF6973-46E5-49E4-A00E-0CE605532C28}" dt="2023-06-16T08:36:19.030" v="1592" actId="478"/>
          <ac:picMkLst>
            <pc:docMk/>
            <pc:sldMk cId="2291861504" sldId="531"/>
            <ac:picMk id="6" creationId="{ECC7D33A-583C-4CE9-968F-874DDFF4DA61}"/>
          </ac:picMkLst>
        </pc:picChg>
        <pc:picChg chg="add del mod">
          <ac:chgData name="Merve Turhan" userId="3594cd17-5953-4511-8d53-8cfc799250e7" providerId="ADAL" clId="{C8BF6973-46E5-49E4-A00E-0CE605532C28}" dt="2023-06-29T08:39:09.796" v="4598" actId="478"/>
          <ac:picMkLst>
            <pc:docMk/>
            <pc:sldMk cId="2291861504" sldId="531"/>
            <ac:picMk id="19" creationId="{3D324B91-3771-FE45-FE15-FE4624BB2B71}"/>
          </ac:picMkLst>
        </pc:picChg>
        <pc:picChg chg="add del mod">
          <ac:chgData name="Merve Turhan" userId="3594cd17-5953-4511-8d53-8cfc799250e7" providerId="ADAL" clId="{C8BF6973-46E5-49E4-A00E-0CE605532C28}" dt="2023-06-29T08:39:14.964" v="4600" actId="478"/>
          <ac:picMkLst>
            <pc:docMk/>
            <pc:sldMk cId="2291861504" sldId="531"/>
            <ac:picMk id="20" creationId="{D05A376C-6197-650A-B363-8D3E3AD80D9C}"/>
          </ac:picMkLst>
        </pc:picChg>
        <pc:picChg chg="add del mod">
          <ac:chgData name="Merve Turhan" userId="3594cd17-5953-4511-8d53-8cfc799250e7" providerId="ADAL" clId="{C8BF6973-46E5-49E4-A00E-0CE605532C28}" dt="2023-06-29T08:39:12.454" v="4599" actId="478"/>
          <ac:picMkLst>
            <pc:docMk/>
            <pc:sldMk cId="2291861504" sldId="531"/>
            <ac:picMk id="24" creationId="{44B32114-2EB6-AB24-A30C-C81E8F8AEBB5}"/>
          </ac:picMkLst>
        </pc:picChg>
        <pc:picChg chg="add del mod">
          <ac:chgData name="Merve Turhan" userId="3594cd17-5953-4511-8d53-8cfc799250e7" providerId="ADAL" clId="{C8BF6973-46E5-49E4-A00E-0CE605532C28}" dt="2023-06-20T10:48:53.163" v="3751" actId="478"/>
          <ac:picMkLst>
            <pc:docMk/>
            <pc:sldMk cId="2291861504" sldId="531"/>
            <ac:picMk id="26" creationId="{1160E35C-7FEF-FF82-8F3E-AEBBC63C5353}"/>
          </ac:picMkLst>
        </pc:picChg>
        <pc:picChg chg="add mod">
          <ac:chgData name="Merve Turhan" userId="3594cd17-5953-4511-8d53-8cfc799250e7" providerId="ADAL" clId="{C8BF6973-46E5-49E4-A00E-0CE605532C28}" dt="2023-06-29T08:39:55.364" v="4632" actId="1076"/>
          <ac:picMkLst>
            <pc:docMk/>
            <pc:sldMk cId="2291861504" sldId="531"/>
            <ac:picMk id="29" creationId="{D7E72B5C-7D52-457D-708C-A0B71B39008F}"/>
          </ac:picMkLst>
        </pc:picChg>
      </pc:sldChg>
      <pc:sldChg chg="modSp mod">
        <pc:chgData name="Merve Turhan" userId="3594cd17-5953-4511-8d53-8cfc799250e7" providerId="ADAL" clId="{C8BF6973-46E5-49E4-A00E-0CE605532C28}" dt="2023-06-29T08:35:19.005" v="3986" actId="790"/>
        <pc:sldMkLst>
          <pc:docMk/>
          <pc:sldMk cId="2411121823" sldId="533"/>
        </pc:sldMkLst>
        <pc:spChg chg="mod">
          <ac:chgData name="Merve Turhan" userId="3594cd17-5953-4511-8d53-8cfc799250e7" providerId="ADAL" clId="{C8BF6973-46E5-49E4-A00E-0CE605532C28}" dt="2023-06-29T08:35:19.005" v="3983" actId="790"/>
          <ac:spMkLst>
            <pc:docMk/>
            <pc:sldMk cId="2411121823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C8BF6973-46E5-49E4-A00E-0CE605532C28}" dt="2023-06-29T08:35:19.005" v="3984" actId="790"/>
          <ac:spMkLst>
            <pc:docMk/>
            <pc:sldMk cId="2411121823" sldId="533"/>
            <ac:spMk id="3" creationId="{C78F839D-CE16-4592-A70C-94B51B118806}"/>
          </ac:spMkLst>
        </pc:spChg>
        <pc:spChg chg="mod">
          <ac:chgData name="Merve Turhan" userId="3594cd17-5953-4511-8d53-8cfc799250e7" providerId="ADAL" clId="{C8BF6973-46E5-49E4-A00E-0CE605532C28}" dt="2023-06-29T08:35:19.005" v="3985"/>
          <ac:spMkLst>
            <pc:docMk/>
            <pc:sldMk cId="2411121823" sldId="533"/>
            <ac:spMk id="4" creationId="{DD94BF31-1258-4303-9A0A-A7FD66A1B125}"/>
          </ac:spMkLst>
        </pc:spChg>
        <pc:spChg chg="mod">
          <ac:chgData name="Merve Turhan" userId="3594cd17-5953-4511-8d53-8cfc799250e7" providerId="ADAL" clId="{C8BF6973-46E5-49E4-A00E-0CE605532C28}" dt="2023-06-29T08:35:19.005" v="3986" actId="790"/>
          <ac:spMkLst>
            <pc:docMk/>
            <pc:sldMk cId="2411121823" sldId="533"/>
            <ac:spMk id="5" creationId="{AF91D215-C154-4E98-B8AB-702658B245C8}"/>
          </ac:spMkLst>
        </pc:spChg>
      </pc:sldChg>
      <pc:sldChg chg="modSp mod">
        <pc:chgData name="Merve Turhan" userId="3594cd17-5953-4511-8d53-8cfc799250e7" providerId="ADAL" clId="{C8BF6973-46E5-49E4-A00E-0CE605532C28}" dt="2023-06-29T08:35:19.046" v="4019" actId="790"/>
        <pc:sldMkLst>
          <pc:docMk/>
          <pc:sldMk cId="3883732232" sldId="536"/>
        </pc:sldMkLst>
        <pc:spChg chg="mod">
          <ac:chgData name="Merve Turhan" userId="3594cd17-5953-4511-8d53-8cfc799250e7" providerId="ADAL" clId="{C8BF6973-46E5-49E4-A00E-0CE605532C28}" dt="2023-06-29T08:35:19.046" v="4019" actId="790"/>
          <ac:spMkLst>
            <pc:docMk/>
            <pc:sldMk cId="3883732232" sldId="536"/>
            <ac:spMk id="64" creationId="{AC9BCFD3-978E-4554-BD1C-965D5CB32FFD}"/>
          </ac:spMkLst>
        </pc:spChg>
      </pc:sldChg>
      <pc:sldChg chg="modSp mod">
        <pc:chgData name="Merve Turhan" userId="3594cd17-5953-4511-8d53-8cfc799250e7" providerId="ADAL" clId="{C8BF6973-46E5-49E4-A00E-0CE605532C28}" dt="2023-06-29T08:35:18.995" v="3948"/>
        <pc:sldMkLst>
          <pc:docMk/>
          <pc:sldMk cId="2892264309" sldId="539"/>
        </pc:sldMkLst>
        <pc:spChg chg="mod">
          <ac:chgData name="Merve Turhan" userId="3594cd17-5953-4511-8d53-8cfc799250e7" providerId="ADAL" clId="{C8BF6973-46E5-49E4-A00E-0CE605532C28}" dt="2023-06-29T08:35:18.995" v="3944" actId="790"/>
          <ac:spMkLst>
            <pc:docMk/>
            <pc:sldMk cId="2892264309" sldId="539"/>
            <ac:spMk id="2" creationId="{585734A3-2D83-4583-BB70-FB7D4792311D}"/>
          </ac:spMkLst>
        </pc:spChg>
        <pc:spChg chg="mod">
          <ac:chgData name="Merve Turhan" userId="3594cd17-5953-4511-8d53-8cfc799250e7" providerId="ADAL" clId="{C8BF6973-46E5-49E4-A00E-0CE605532C28}" dt="2023-06-29T08:35:18.995" v="3945" actId="790"/>
          <ac:spMkLst>
            <pc:docMk/>
            <pc:sldMk cId="2892264309" sldId="539"/>
            <ac:spMk id="6" creationId="{41B7A93F-87A6-4C7B-BB5A-89757BA1A568}"/>
          </ac:spMkLst>
        </pc:spChg>
        <pc:spChg chg="mod">
          <ac:chgData name="Merve Turhan" userId="3594cd17-5953-4511-8d53-8cfc799250e7" providerId="ADAL" clId="{C8BF6973-46E5-49E4-A00E-0CE605532C28}" dt="2023-06-29T08:35:18.995" v="3946" actId="790"/>
          <ac:spMkLst>
            <pc:docMk/>
            <pc:sldMk cId="2892264309" sldId="539"/>
            <ac:spMk id="7" creationId="{E24756D4-8135-4741-B3EA-5AF686A60A98}"/>
          </ac:spMkLst>
        </pc:spChg>
        <pc:spChg chg="mod">
          <ac:chgData name="Merve Turhan" userId="3594cd17-5953-4511-8d53-8cfc799250e7" providerId="ADAL" clId="{C8BF6973-46E5-49E4-A00E-0CE605532C28}" dt="2023-06-29T08:35:18.995" v="3947"/>
          <ac:spMkLst>
            <pc:docMk/>
            <pc:sldMk cId="2892264309" sldId="539"/>
            <ac:spMk id="8" creationId="{0F857DFE-2EFE-4A13-89EF-8B3A57D46F36}"/>
          </ac:spMkLst>
        </pc:spChg>
        <pc:spChg chg="mod">
          <ac:chgData name="Merve Turhan" userId="3594cd17-5953-4511-8d53-8cfc799250e7" providerId="ADAL" clId="{C8BF6973-46E5-49E4-A00E-0CE605532C28}" dt="2023-06-29T08:35:18.995" v="3948"/>
          <ac:spMkLst>
            <pc:docMk/>
            <pc:sldMk cId="2892264309" sldId="539"/>
            <ac:spMk id="9" creationId="{216D8602-3DBE-4ADC-B272-247184D2EAE6}"/>
          </ac:spMkLst>
        </pc:spChg>
      </pc:sldChg>
      <pc:sldChg chg="modSp mod">
        <pc:chgData name="Merve Turhan" userId="3594cd17-5953-4511-8d53-8cfc799250e7" providerId="ADAL" clId="{C8BF6973-46E5-49E4-A00E-0CE605532C28}" dt="2023-06-29T08:35:18.995" v="3952" actId="790"/>
        <pc:sldMkLst>
          <pc:docMk/>
          <pc:sldMk cId="1598766672" sldId="540"/>
        </pc:sldMkLst>
        <pc:spChg chg="mod">
          <ac:chgData name="Merve Turhan" userId="3594cd17-5953-4511-8d53-8cfc799250e7" providerId="ADAL" clId="{C8BF6973-46E5-49E4-A00E-0CE605532C28}" dt="2023-06-29T08:35:18.995" v="3949" actId="790"/>
          <ac:spMkLst>
            <pc:docMk/>
            <pc:sldMk cId="1598766672" sldId="540"/>
            <ac:spMk id="2" creationId="{585734A3-2D83-4583-BB70-FB7D4792311D}"/>
          </ac:spMkLst>
        </pc:spChg>
        <pc:spChg chg="mod">
          <ac:chgData name="Merve Turhan" userId="3594cd17-5953-4511-8d53-8cfc799250e7" providerId="ADAL" clId="{C8BF6973-46E5-49E4-A00E-0CE605532C28}" dt="2023-06-29T08:35:18.995" v="3950" actId="790"/>
          <ac:spMkLst>
            <pc:docMk/>
            <pc:sldMk cId="1598766672" sldId="540"/>
            <ac:spMk id="7" creationId="{E24756D4-8135-4741-B3EA-5AF686A60A98}"/>
          </ac:spMkLst>
        </pc:spChg>
        <pc:spChg chg="mod">
          <ac:chgData name="Merve Turhan" userId="3594cd17-5953-4511-8d53-8cfc799250e7" providerId="ADAL" clId="{C8BF6973-46E5-49E4-A00E-0CE605532C28}" dt="2023-06-29T08:35:18.995" v="3951" actId="790"/>
          <ac:spMkLst>
            <pc:docMk/>
            <pc:sldMk cId="1598766672" sldId="540"/>
            <ac:spMk id="8" creationId="{0F857DFE-2EFE-4A13-89EF-8B3A57D46F36}"/>
          </ac:spMkLst>
        </pc:spChg>
        <pc:spChg chg="mod">
          <ac:chgData name="Merve Turhan" userId="3594cd17-5953-4511-8d53-8cfc799250e7" providerId="ADAL" clId="{C8BF6973-46E5-49E4-A00E-0CE605532C28}" dt="2023-06-29T08:35:18.995" v="3952" actId="790"/>
          <ac:spMkLst>
            <pc:docMk/>
            <pc:sldMk cId="1598766672" sldId="540"/>
            <ac:spMk id="9" creationId="{5AA41A38-F084-42CA-B814-D2B28A6D6F88}"/>
          </ac:spMkLst>
        </pc:spChg>
      </pc:sldChg>
      <pc:sldChg chg="addSp modSp mod modAnim">
        <pc:chgData name="Merve Turhan" userId="3594cd17-5953-4511-8d53-8cfc799250e7" providerId="ADAL" clId="{C8BF6973-46E5-49E4-A00E-0CE605532C28}" dt="2023-06-29T12:15:15.485" v="4761" actId="20577"/>
        <pc:sldMkLst>
          <pc:docMk/>
          <pc:sldMk cId="2918085937" sldId="541"/>
        </pc:sldMkLst>
        <pc:spChg chg="mod">
          <ac:chgData name="Merve Turhan" userId="3594cd17-5953-4511-8d53-8cfc799250e7" providerId="ADAL" clId="{C8BF6973-46E5-49E4-A00E-0CE605532C28}" dt="2023-06-29T08:35:18.995" v="3953"/>
          <ac:spMkLst>
            <pc:docMk/>
            <pc:sldMk cId="2918085937" sldId="541"/>
            <ac:spMk id="2" creationId="{585734A3-2D83-4583-BB70-FB7D4792311D}"/>
          </ac:spMkLst>
        </pc:spChg>
        <pc:spChg chg="add mod">
          <ac:chgData name="Merve Turhan" userId="3594cd17-5953-4511-8d53-8cfc799250e7" providerId="ADAL" clId="{C8BF6973-46E5-49E4-A00E-0CE605532C28}" dt="2023-06-29T12:14:59.475" v="4746" actId="20577"/>
          <ac:spMkLst>
            <pc:docMk/>
            <pc:sldMk cId="2918085937" sldId="541"/>
            <ac:spMk id="3" creationId="{6DD038F1-CDD3-37E2-B8F1-2A9177B41ABB}"/>
          </ac:spMkLst>
        </pc:spChg>
        <pc:spChg chg="mod">
          <ac:chgData name="Merve Turhan" userId="3594cd17-5953-4511-8d53-8cfc799250e7" providerId="ADAL" clId="{C8BF6973-46E5-49E4-A00E-0CE605532C28}" dt="2023-06-29T08:35:18.995" v="3954"/>
          <ac:spMkLst>
            <pc:docMk/>
            <pc:sldMk cId="2918085937" sldId="541"/>
            <ac:spMk id="6" creationId="{41B7A93F-87A6-4C7B-BB5A-89757BA1A568}"/>
          </ac:spMkLst>
        </pc:spChg>
        <pc:spChg chg="mod">
          <ac:chgData name="Merve Turhan" userId="3594cd17-5953-4511-8d53-8cfc799250e7" providerId="ADAL" clId="{C8BF6973-46E5-49E4-A00E-0CE605532C28}" dt="2023-06-29T08:35:18.995" v="3955"/>
          <ac:spMkLst>
            <pc:docMk/>
            <pc:sldMk cId="2918085937" sldId="541"/>
            <ac:spMk id="7" creationId="{E24756D4-8135-4741-B3EA-5AF686A60A98}"/>
          </ac:spMkLst>
        </pc:spChg>
        <pc:spChg chg="mod">
          <ac:chgData name="Merve Turhan" userId="3594cd17-5953-4511-8d53-8cfc799250e7" providerId="ADAL" clId="{C8BF6973-46E5-49E4-A00E-0CE605532C28}" dt="2023-06-29T08:35:18.995" v="3956"/>
          <ac:spMkLst>
            <pc:docMk/>
            <pc:sldMk cId="2918085937" sldId="541"/>
            <ac:spMk id="8" creationId="{0F857DFE-2EFE-4A13-89EF-8B3A57D46F36}"/>
          </ac:spMkLst>
        </pc:spChg>
        <pc:spChg chg="mod">
          <ac:chgData name="Merve Turhan" userId="3594cd17-5953-4511-8d53-8cfc799250e7" providerId="ADAL" clId="{C8BF6973-46E5-49E4-A00E-0CE605532C28}" dt="2023-06-29T08:35:19.005" v="3981"/>
          <ac:spMkLst>
            <pc:docMk/>
            <pc:sldMk cId="2918085937" sldId="541"/>
            <ac:spMk id="11" creationId="{BCC731BB-6CD1-4A29-8874-40982B5D801B}"/>
          </ac:spMkLst>
        </pc:spChg>
        <pc:spChg chg="mod">
          <ac:chgData name="Merve Turhan" userId="3594cd17-5953-4511-8d53-8cfc799250e7" providerId="ADAL" clId="{C8BF6973-46E5-49E4-A00E-0CE605532C28}" dt="2023-06-29T08:35:18.995" v="3957"/>
          <ac:spMkLst>
            <pc:docMk/>
            <pc:sldMk cId="2918085937" sldId="541"/>
            <ac:spMk id="12" creationId="{61FE4F9A-E9B9-439F-ACA4-3A199F30C44D}"/>
          </ac:spMkLst>
        </pc:spChg>
        <pc:spChg chg="mod">
          <ac:chgData name="Merve Turhan" userId="3594cd17-5953-4511-8d53-8cfc799250e7" providerId="ADAL" clId="{C8BF6973-46E5-49E4-A00E-0CE605532C28}" dt="2023-06-29T08:35:18.995" v="3958"/>
          <ac:spMkLst>
            <pc:docMk/>
            <pc:sldMk cId="2918085937" sldId="541"/>
            <ac:spMk id="13" creationId="{97477C4D-AD67-47A8-AC04-164898060756}"/>
          </ac:spMkLst>
        </pc:spChg>
        <pc:spChg chg="mod">
          <ac:chgData name="Merve Turhan" userId="3594cd17-5953-4511-8d53-8cfc799250e7" providerId="ADAL" clId="{C8BF6973-46E5-49E4-A00E-0CE605532C28}" dt="2023-06-29T08:35:18.995" v="3959"/>
          <ac:spMkLst>
            <pc:docMk/>
            <pc:sldMk cId="2918085937" sldId="541"/>
            <ac:spMk id="14" creationId="{B9D52A55-CCEE-4230-AFDE-593D58B4C8B9}"/>
          </ac:spMkLst>
        </pc:spChg>
        <pc:spChg chg="mod">
          <ac:chgData name="Merve Turhan" userId="3594cd17-5953-4511-8d53-8cfc799250e7" providerId="ADAL" clId="{C8BF6973-46E5-49E4-A00E-0CE605532C28}" dt="2023-06-29T08:35:18.995" v="3960"/>
          <ac:spMkLst>
            <pc:docMk/>
            <pc:sldMk cId="2918085937" sldId="541"/>
            <ac:spMk id="15" creationId="{CBC6CD6B-85CA-4378-9569-2F5D72D40839}"/>
          </ac:spMkLst>
        </pc:spChg>
        <pc:spChg chg="mod">
          <ac:chgData name="Merve Turhan" userId="3594cd17-5953-4511-8d53-8cfc799250e7" providerId="ADAL" clId="{C8BF6973-46E5-49E4-A00E-0CE605532C28}" dt="2023-06-29T08:35:18.995" v="3961"/>
          <ac:spMkLst>
            <pc:docMk/>
            <pc:sldMk cId="2918085937" sldId="541"/>
            <ac:spMk id="16" creationId="{010D08B3-DCFA-4217-B949-3C4AA224C4E9}"/>
          </ac:spMkLst>
        </pc:spChg>
        <pc:spChg chg="mod">
          <ac:chgData name="Merve Turhan" userId="3594cd17-5953-4511-8d53-8cfc799250e7" providerId="ADAL" clId="{C8BF6973-46E5-49E4-A00E-0CE605532C28}" dt="2023-06-29T08:35:18.995" v="3962"/>
          <ac:spMkLst>
            <pc:docMk/>
            <pc:sldMk cId="2918085937" sldId="541"/>
            <ac:spMk id="17" creationId="{A7C16F4B-1B94-49EE-A2FD-F0C0C75A88DA}"/>
          </ac:spMkLst>
        </pc:spChg>
        <pc:spChg chg="mod">
          <ac:chgData name="Merve Turhan" userId="3594cd17-5953-4511-8d53-8cfc799250e7" providerId="ADAL" clId="{C8BF6973-46E5-49E4-A00E-0CE605532C28}" dt="2023-06-29T08:35:18.995" v="3963"/>
          <ac:spMkLst>
            <pc:docMk/>
            <pc:sldMk cId="2918085937" sldId="541"/>
            <ac:spMk id="18" creationId="{A6E4153B-8747-4F97-99AA-0D9A6EB54012}"/>
          </ac:spMkLst>
        </pc:spChg>
        <pc:spChg chg="mod">
          <ac:chgData name="Merve Turhan" userId="3594cd17-5953-4511-8d53-8cfc799250e7" providerId="ADAL" clId="{C8BF6973-46E5-49E4-A00E-0CE605532C28}" dt="2023-06-29T08:35:18.995" v="3964"/>
          <ac:spMkLst>
            <pc:docMk/>
            <pc:sldMk cId="2918085937" sldId="541"/>
            <ac:spMk id="19" creationId="{A08DBD20-2634-46F3-B756-CFBA83402559}"/>
          </ac:spMkLst>
        </pc:spChg>
        <pc:spChg chg="mod">
          <ac:chgData name="Merve Turhan" userId="3594cd17-5953-4511-8d53-8cfc799250e7" providerId="ADAL" clId="{C8BF6973-46E5-49E4-A00E-0CE605532C28}" dt="2023-06-29T08:35:18.995" v="3965"/>
          <ac:spMkLst>
            <pc:docMk/>
            <pc:sldMk cId="2918085937" sldId="541"/>
            <ac:spMk id="20" creationId="{1A7DA3C9-EE6C-49DD-B5B2-283465117A13}"/>
          </ac:spMkLst>
        </pc:spChg>
        <pc:spChg chg="mod">
          <ac:chgData name="Merve Turhan" userId="3594cd17-5953-4511-8d53-8cfc799250e7" providerId="ADAL" clId="{C8BF6973-46E5-49E4-A00E-0CE605532C28}" dt="2023-06-29T08:35:18.995" v="3966"/>
          <ac:spMkLst>
            <pc:docMk/>
            <pc:sldMk cId="2918085937" sldId="541"/>
            <ac:spMk id="29" creationId="{411552AF-8CB5-4134-B691-D536D6119A27}"/>
          </ac:spMkLst>
        </pc:spChg>
        <pc:spChg chg="mod">
          <ac:chgData name="Merve Turhan" userId="3594cd17-5953-4511-8d53-8cfc799250e7" providerId="ADAL" clId="{C8BF6973-46E5-49E4-A00E-0CE605532C28}" dt="2023-06-29T08:35:18.995" v="3967"/>
          <ac:spMkLst>
            <pc:docMk/>
            <pc:sldMk cId="2918085937" sldId="541"/>
            <ac:spMk id="30" creationId="{94E8C7CD-8F35-4BB0-BFAD-7C3884217BA4}"/>
          </ac:spMkLst>
        </pc:spChg>
        <pc:spChg chg="mod">
          <ac:chgData name="Merve Turhan" userId="3594cd17-5953-4511-8d53-8cfc799250e7" providerId="ADAL" clId="{C8BF6973-46E5-49E4-A00E-0CE605532C28}" dt="2023-06-29T08:35:18.995" v="3968"/>
          <ac:spMkLst>
            <pc:docMk/>
            <pc:sldMk cId="2918085937" sldId="541"/>
            <ac:spMk id="31" creationId="{D3289834-BD5C-4476-B161-125E8A2E8763}"/>
          </ac:spMkLst>
        </pc:spChg>
        <pc:spChg chg="mod">
          <ac:chgData name="Merve Turhan" userId="3594cd17-5953-4511-8d53-8cfc799250e7" providerId="ADAL" clId="{C8BF6973-46E5-49E4-A00E-0CE605532C28}" dt="2023-06-29T08:35:18.995" v="3969"/>
          <ac:spMkLst>
            <pc:docMk/>
            <pc:sldMk cId="2918085937" sldId="541"/>
            <ac:spMk id="32" creationId="{07D51B04-D118-416F-AC99-77B9962B5E08}"/>
          </ac:spMkLst>
        </pc:spChg>
        <pc:spChg chg="mod">
          <ac:chgData name="Merve Turhan" userId="3594cd17-5953-4511-8d53-8cfc799250e7" providerId="ADAL" clId="{C8BF6973-46E5-49E4-A00E-0CE605532C28}" dt="2023-06-29T08:35:18.995" v="3970"/>
          <ac:spMkLst>
            <pc:docMk/>
            <pc:sldMk cId="2918085937" sldId="541"/>
            <ac:spMk id="33" creationId="{BF076E25-E9E8-4119-8AB0-730CDCE5EF2B}"/>
          </ac:spMkLst>
        </pc:spChg>
        <pc:spChg chg="mod">
          <ac:chgData name="Merve Turhan" userId="3594cd17-5953-4511-8d53-8cfc799250e7" providerId="ADAL" clId="{C8BF6973-46E5-49E4-A00E-0CE605532C28}" dt="2023-06-29T08:35:18.995" v="3971"/>
          <ac:spMkLst>
            <pc:docMk/>
            <pc:sldMk cId="2918085937" sldId="541"/>
            <ac:spMk id="34" creationId="{078914D3-0D96-4804-A77B-AD1136AC03CB}"/>
          </ac:spMkLst>
        </pc:spChg>
        <pc:spChg chg="mod">
          <ac:chgData name="Merve Turhan" userId="3594cd17-5953-4511-8d53-8cfc799250e7" providerId="ADAL" clId="{C8BF6973-46E5-49E4-A00E-0CE605532C28}" dt="2023-06-29T08:35:19.005" v="3972"/>
          <ac:spMkLst>
            <pc:docMk/>
            <pc:sldMk cId="2918085937" sldId="541"/>
            <ac:spMk id="36" creationId="{7636D3B0-36BE-4376-A6F9-AF45609BC9F8}"/>
          </ac:spMkLst>
        </pc:spChg>
        <pc:spChg chg="mod">
          <ac:chgData name="Merve Turhan" userId="3594cd17-5953-4511-8d53-8cfc799250e7" providerId="ADAL" clId="{C8BF6973-46E5-49E4-A00E-0CE605532C28}" dt="2023-06-29T08:35:19.005" v="3973"/>
          <ac:spMkLst>
            <pc:docMk/>
            <pc:sldMk cId="2918085937" sldId="541"/>
            <ac:spMk id="40" creationId="{E2651A42-59D1-493D-A26D-EA30C629E584}"/>
          </ac:spMkLst>
        </pc:spChg>
        <pc:spChg chg="mod">
          <ac:chgData name="Merve Turhan" userId="3594cd17-5953-4511-8d53-8cfc799250e7" providerId="ADAL" clId="{C8BF6973-46E5-49E4-A00E-0CE605532C28}" dt="2023-06-29T08:35:19.005" v="3979"/>
          <ac:spMkLst>
            <pc:docMk/>
            <pc:sldMk cId="2918085937" sldId="541"/>
            <ac:spMk id="41" creationId="{980DE667-62B4-497C-AB2E-11A830767156}"/>
          </ac:spMkLst>
        </pc:spChg>
        <pc:spChg chg="mod">
          <ac:chgData name="Merve Turhan" userId="3594cd17-5953-4511-8d53-8cfc799250e7" providerId="ADAL" clId="{C8BF6973-46E5-49E4-A00E-0CE605532C28}" dt="2023-06-29T08:35:19.005" v="3980"/>
          <ac:spMkLst>
            <pc:docMk/>
            <pc:sldMk cId="2918085937" sldId="541"/>
            <ac:spMk id="42" creationId="{26B0443A-66E4-40EA-92A7-66F354D1EBCE}"/>
          </ac:spMkLst>
        </pc:spChg>
        <pc:spChg chg="mod">
          <ac:chgData name="Merve Turhan" userId="3594cd17-5953-4511-8d53-8cfc799250e7" providerId="ADAL" clId="{C8BF6973-46E5-49E4-A00E-0CE605532C28}" dt="2023-06-29T08:35:19.005" v="3974"/>
          <ac:spMkLst>
            <pc:docMk/>
            <pc:sldMk cId="2918085937" sldId="541"/>
            <ac:spMk id="57" creationId="{F11962AC-7675-4ADC-B098-478FE35C965D}"/>
          </ac:spMkLst>
        </pc:spChg>
        <pc:spChg chg="mod">
          <ac:chgData name="Merve Turhan" userId="3594cd17-5953-4511-8d53-8cfc799250e7" providerId="ADAL" clId="{C8BF6973-46E5-49E4-A00E-0CE605532C28}" dt="2023-06-29T08:35:19.005" v="3975"/>
          <ac:spMkLst>
            <pc:docMk/>
            <pc:sldMk cId="2918085937" sldId="541"/>
            <ac:spMk id="59" creationId="{F548E0F5-F8A3-4811-AD20-1446DF1944DB}"/>
          </ac:spMkLst>
        </pc:spChg>
        <pc:spChg chg="mod">
          <ac:chgData name="Merve Turhan" userId="3594cd17-5953-4511-8d53-8cfc799250e7" providerId="ADAL" clId="{C8BF6973-46E5-49E4-A00E-0CE605532C28}" dt="2023-06-29T08:35:19.005" v="3976"/>
          <ac:spMkLst>
            <pc:docMk/>
            <pc:sldMk cId="2918085937" sldId="541"/>
            <ac:spMk id="60" creationId="{E17973A9-EFA6-48FA-B643-1E68A5FDC9E5}"/>
          </ac:spMkLst>
        </pc:spChg>
        <pc:spChg chg="mod">
          <ac:chgData name="Merve Turhan" userId="3594cd17-5953-4511-8d53-8cfc799250e7" providerId="ADAL" clId="{C8BF6973-46E5-49E4-A00E-0CE605532C28}" dt="2023-06-29T12:15:15.485" v="4761" actId="20577"/>
          <ac:spMkLst>
            <pc:docMk/>
            <pc:sldMk cId="2918085937" sldId="541"/>
            <ac:spMk id="61" creationId="{D1180F26-D6A0-44F5-8E89-8B608C36A20E}"/>
          </ac:spMkLst>
        </pc:spChg>
        <pc:spChg chg="mod">
          <ac:chgData name="Merve Turhan" userId="3594cd17-5953-4511-8d53-8cfc799250e7" providerId="ADAL" clId="{C8BF6973-46E5-49E4-A00E-0CE605532C28}" dt="2023-06-29T08:35:19.005" v="3978"/>
          <ac:spMkLst>
            <pc:docMk/>
            <pc:sldMk cId="2918085937" sldId="541"/>
            <ac:spMk id="62" creationId="{ACF7C3AE-78D0-4AA6-A5C9-72DC009E8D6F}"/>
          </ac:spMkLst>
        </pc:spChg>
        <pc:picChg chg="mod">
          <ac:chgData name="Merve Turhan" userId="3594cd17-5953-4511-8d53-8cfc799250e7" providerId="ADAL" clId="{C8BF6973-46E5-49E4-A00E-0CE605532C28}" dt="2023-06-18T12:59:15.697" v="2126" actId="1076"/>
          <ac:picMkLst>
            <pc:docMk/>
            <pc:sldMk cId="2918085937" sldId="541"/>
            <ac:picMk id="45" creationId="{983603DC-89B6-462E-B95B-73789E824115}"/>
          </ac:picMkLst>
        </pc:picChg>
        <pc:picChg chg="mod">
          <ac:chgData name="Merve Turhan" userId="3594cd17-5953-4511-8d53-8cfc799250e7" providerId="ADAL" clId="{C8BF6973-46E5-49E4-A00E-0CE605532C28}" dt="2023-06-18T12:59:17.948" v="2127" actId="1076"/>
          <ac:picMkLst>
            <pc:docMk/>
            <pc:sldMk cId="2918085937" sldId="541"/>
            <ac:picMk id="53" creationId="{A6EA51AD-7C95-4E15-961C-A2F62A031CE0}"/>
          </ac:picMkLst>
        </pc:picChg>
      </pc:sldChg>
      <pc:sldChg chg="addSp delSp modSp mod delAnim modAnim">
        <pc:chgData name="Merve Turhan" userId="3594cd17-5953-4511-8d53-8cfc799250e7" providerId="ADAL" clId="{C8BF6973-46E5-49E4-A00E-0CE605532C28}" dt="2023-06-29T08:35:19.025" v="3996"/>
        <pc:sldMkLst>
          <pc:docMk/>
          <pc:sldMk cId="3694123121" sldId="543"/>
        </pc:sldMkLst>
        <pc:spChg chg="mod">
          <ac:chgData name="Merve Turhan" userId="3594cd17-5953-4511-8d53-8cfc799250e7" providerId="ADAL" clId="{C8BF6973-46E5-49E4-A00E-0CE605532C28}" dt="2023-06-29T08:35:19.025" v="3994" actId="790"/>
          <ac:spMkLst>
            <pc:docMk/>
            <pc:sldMk cId="3694123121" sldId="543"/>
            <ac:spMk id="2" creationId="{C1B456BB-45A4-45E4-9ECD-0CECA34966EA}"/>
          </ac:spMkLst>
        </pc:spChg>
        <pc:spChg chg="mod">
          <ac:chgData name="Merve Turhan" userId="3594cd17-5953-4511-8d53-8cfc799250e7" providerId="ADAL" clId="{C8BF6973-46E5-49E4-A00E-0CE605532C28}" dt="2023-06-29T08:35:19.025" v="3995" actId="790"/>
          <ac:spMkLst>
            <pc:docMk/>
            <pc:sldMk cId="3694123121" sldId="543"/>
            <ac:spMk id="3" creationId="{C0BC675F-883D-4CC5-A580-7A9D49AD3814}"/>
          </ac:spMkLst>
        </pc:spChg>
        <pc:spChg chg="del mod">
          <ac:chgData name="Merve Turhan" userId="3594cd17-5953-4511-8d53-8cfc799250e7" providerId="ADAL" clId="{C8BF6973-46E5-49E4-A00E-0CE605532C28}" dt="2023-06-19T19:21:57.015" v="3612" actId="21"/>
          <ac:spMkLst>
            <pc:docMk/>
            <pc:sldMk cId="3694123121" sldId="543"/>
            <ac:spMk id="5" creationId="{A20EBC35-F23D-4525-BB82-F72793A48090}"/>
          </ac:spMkLst>
        </pc:spChg>
        <pc:spChg chg="add mod">
          <ac:chgData name="Merve Turhan" userId="3594cd17-5953-4511-8d53-8cfc799250e7" providerId="ADAL" clId="{C8BF6973-46E5-49E4-A00E-0CE605532C28}" dt="2023-06-29T08:35:19.025" v="3996"/>
          <ac:spMkLst>
            <pc:docMk/>
            <pc:sldMk cId="3694123121" sldId="543"/>
            <ac:spMk id="6" creationId="{F4AD1C2E-D90D-5AAB-0AA9-A8F71602B241}"/>
          </ac:spMkLst>
        </pc:spChg>
        <pc:graphicFrameChg chg="mod modGraphic">
          <ac:chgData name="Merve Turhan" userId="3594cd17-5953-4511-8d53-8cfc799250e7" providerId="ADAL" clId="{C8BF6973-46E5-49E4-A00E-0CE605532C28}" dt="2023-06-20T14:05:43.010" v="3794" actId="14734"/>
          <ac:graphicFrameMkLst>
            <pc:docMk/>
            <pc:sldMk cId="3694123121" sldId="543"/>
            <ac:graphicFrameMk id="4" creationId="{19802A92-5904-4E21-B810-46277C1B0CB2}"/>
          </ac:graphicFrameMkLst>
        </pc:graphicFrameChg>
      </pc:sldChg>
      <pc:sldChg chg="modSp mod">
        <pc:chgData name="Merve Turhan" userId="3594cd17-5953-4511-8d53-8cfc799250e7" providerId="ADAL" clId="{C8BF6973-46E5-49E4-A00E-0CE605532C28}" dt="2023-06-29T08:35:19.036" v="4003"/>
        <pc:sldMkLst>
          <pc:docMk/>
          <pc:sldMk cId="4154376622" sldId="548"/>
        </pc:sldMkLst>
        <pc:spChg chg="mod">
          <ac:chgData name="Merve Turhan" userId="3594cd17-5953-4511-8d53-8cfc799250e7" providerId="ADAL" clId="{C8BF6973-46E5-49E4-A00E-0CE605532C28}" dt="2023-06-29T08:35:19.036" v="4002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Turhan" userId="3594cd17-5953-4511-8d53-8cfc799250e7" providerId="ADAL" clId="{C8BF6973-46E5-49E4-A00E-0CE605532C28}" dt="2023-06-29T08:35:19.036" v="4003"/>
          <ac:spMkLst>
            <pc:docMk/>
            <pc:sldMk cId="4154376622" sldId="548"/>
            <ac:spMk id="3" creationId="{751D7DC4-34BA-4C86-8CD6-95954A91B7AC}"/>
          </ac:spMkLst>
        </pc:spChg>
      </pc:sldChg>
      <pc:sldChg chg="addSp delSp modSp mod">
        <pc:chgData name="Merve Turhan" userId="3594cd17-5953-4511-8d53-8cfc799250e7" providerId="ADAL" clId="{C8BF6973-46E5-49E4-A00E-0CE605532C28}" dt="2023-06-29T12:20:32.843" v="4795"/>
        <pc:sldMkLst>
          <pc:docMk/>
          <pc:sldMk cId="1324455309" sldId="552"/>
        </pc:sldMkLst>
        <pc:spChg chg="del mod">
          <ac:chgData name="Merve Turhan" userId="3594cd17-5953-4511-8d53-8cfc799250e7" providerId="ADAL" clId="{C8BF6973-46E5-49E4-A00E-0CE605532C28}" dt="2023-06-29T12:20:27.598" v="4793" actId="478"/>
          <ac:spMkLst>
            <pc:docMk/>
            <pc:sldMk cId="1324455309" sldId="552"/>
            <ac:spMk id="2" creationId="{5552E3F4-9A06-4671-B090-DF3C6F71903B}"/>
          </ac:spMkLst>
        </pc:spChg>
        <pc:spChg chg="add del mod">
          <ac:chgData name="Merve Turhan" userId="3594cd17-5953-4511-8d53-8cfc799250e7" providerId="ADAL" clId="{C8BF6973-46E5-49E4-A00E-0CE605532C28}" dt="2023-06-29T12:20:31.973" v="4794" actId="478"/>
          <ac:spMkLst>
            <pc:docMk/>
            <pc:sldMk cId="1324455309" sldId="552"/>
            <ac:spMk id="5" creationId="{20E3F6F4-8561-4B94-D325-E5672F5A0D1A}"/>
          </ac:spMkLst>
        </pc:spChg>
        <pc:spChg chg="add mod">
          <ac:chgData name="Merve Turhan" userId="3594cd17-5953-4511-8d53-8cfc799250e7" providerId="ADAL" clId="{C8BF6973-46E5-49E4-A00E-0CE605532C28}" dt="2023-06-29T12:20:32.843" v="4795"/>
          <ac:spMkLst>
            <pc:docMk/>
            <pc:sldMk cId="1324455309" sldId="552"/>
            <ac:spMk id="6" creationId="{F591CA04-CFBF-5B2A-013E-9351B67C6806}"/>
          </ac:spMkLst>
        </pc:spChg>
        <pc:spChg chg="mod">
          <ac:chgData name="Merve Turhan" userId="3594cd17-5953-4511-8d53-8cfc799250e7" providerId="ADAL" clId="{C8BF6973-46E5-49E4-A00E-0CE605532C28}" dt="2023-06-29T08:35:19.036" v="4001"/>
          <ac:spMkLst>
            <pc:docMk/>
            <pc:sldMk cId="1324455309" sldId="552"/>
            <ac:spMk id="7" creationId="{C91585DB-F45C-4214-BA01-B877F35EFEB6}"/>
          </ac:spMkLst>
        </pc:spChg>
        <pc:spChg chg="mod">
          <ac:chgData name="Merve Turhan" userId="3594cd17-5953-4511-8d53-8cfc799250e7" providerId="ADAL" clId="{C8BF6973-46E5-49E4-A00E-0CE605532C28}" dt="2023-06-29T08:35:19.025" v="3998" actId="790"/>
          <ac:spMkLst>
            <pc:docMk/>
            <pc:sldMk cId="1324455309" sldId="552"/>
            <ac:spMk id="8" creationId="{527C700A-4427-45BF-BCA3-9176F794F772}"/>
          </ac:spMkLst>
        </pc:spChg>
        <pc:spChg chg="mod">
          <ac:chgData name="Merve Turhan" userId="3594cd17-5953-4511-8d53-8cfc799250e7" providerId="ADAL" clId="{C8BF6973-46E5-49E4-A00E-0CE605532C28}" dt="2023-06-29T08:35:19.036" v="3999" actId="790"/>
          <ac:spMkLst>
            <pc:docMk/>
            <pc:sldMk cId="1324455309" sldId="552"/>
            <ac:spMk id="9" creationId="{F00BFEF7-5DFD-451D-9269-8E7C403BE6BF}"/>
          </ac:spMkLst>
        </pc:spChg>
        <pc:spChg chg="mod">
          <ac:chgData name="Merve Turhan" userId="3594cd17-5953-4511-8d53-8cfc799250e7" providerId="ADAL" clId="{C8BF6973-46E5-49E4-A00E-0CE605532C28}" dt="2023-06-29T08:35:19.036" v="4000" actId="790"/>
          <ac:spMkLst>
            <pc:docMk/>
            <pc:sldMk cId="1324455309" sldId="552"/>
            <ac:spMk id="10" creationId="{1D460873-C4BB-460A-B3FC-A6A7EFBF0BA0}"/>
          </ac:spMkLst>
        </pc:spChg>
      </pc:sldChg>
      <pc:sldChg chg="addSp modSp mod modAnim">
        <pc:chgData name="Merve Turhan" userId="3594cd17-5953-4511-8d53-8cfc799250e7" providerId="ADAL" clId="{C8BF6973-46E5-49E4-A00E-0CE605532C28}" dt="2023-06-29T10:51:25.333" v="4687"/>
        <pc:sldMkLst>
          <pc:docMk/>
          <pc:sldMk cId="398449080" sldId="553"/>
        </pc:sldMkLst>
        <pc:spChg chg="mod">
          <ac:chgData name="Merve Turhan" userId="3594cd17-5953-4511-8d53-8cfc799250e7" providerId="ADAL" clId="{C8BF6973-46E5-49E4-A00E-0CE605532C28}" dt="2023-06-29T08:35:19.005" v="3987"/>
          <ac:spMkLst>
            <pc:docMk/>
            <pc:sldMk cId="398449080" sldId="553"/>
            <ac:spMk id="2" creationId="{5552E3F4-9A06-4671-B090-DF3C6F71903B}"/>
          </ac:spMkLst>
        </pc:spChg>
        <pc:spChg chg="mod">
          <ac:chgData name="Merve Turhan" userId="3594cd17-5953-4511-8d53-8cfc799250e7" providerId="ADAL" clId="{C8BF6973-46E5-49E4-A00E-0CE605532C28}" dt="2023-06-29T08:35:19.005" v="3988"/>
          <ac:spMkLst>
            <pc:docMk/>
            <pc:sldMk cId="398449080" sldId="553"/>
            <ac:spMk id="11" creationId="{40DF9E16-FDDF-4F36-92F7-2C33F6D7DA15}"/>
          </ac:spMkLst>
        </pc:spChg>
        <pc:spChg chg="mod">
          <ac:chgData name="Merve Turhan" userId="3594cd17-5953-4511-8d53-8cfc799250e7" providerId="ADAL" clId="{C8BF6973-46E5-49E4-A00E-0CE605532C28}" dt="2023-06-29T08:35:19.005" v="3989"/>
          <ac:spMkLst>
            <pc:docMk/>
            <pc:sldMk cId="398449080" sldId="553"/>
            <ac:spMk id="12" creationId="{D643F25B-8492-4DBB-97E5-26AEE18BC390}"/>
          </ac:spMkLst>
        </pc:spChg>
        <pc:picChg chg="add mod">
          <ac:chgData name="Merve Turhan" userId="3594cd17-5953-4511-8d53-8cfc799250e7" providerId="ADAL" clId="{C8BF6973-46E5-49E4-A00E-0CE605532C28}" dt="2023-06-19T19:25:05.199" v="3635" actId="1076"/>
          <ac:picMkLst>
            <pc:docMk/>
            <pc:sldMk cId="398449080" sldId="553"/>
            <ac:picMk id="3" creationId="{28FB17AE-EE4A-6712-6AA6-100E8D3A6AD1}"/>
          </ac:picMkLst>
        </pc:picChg>
      </pc:sldChg>
      <pc:sldChg chg="addSp modSp mod">
        <pc:chgData name="Merve Turhan" userId="3594cd17-5953-4511-8d53-8cfc799250e7" providerId="ADAL" clId="{C8BF6973-46E5-49E4-A00E-0CE605532C28}" dt="2023-06-29T08:35:19.036" v="4010" actId="790"/>
        <pc:sldMkLst>
          <pc:docMk/>
          <pc:sldMk cId="3814535045" sldId="557"/>
        </pc:sldMkLst>
        <pc:spChg chg="mod">
          <ac:chgData name="Merve Turhan" userId="3594cd17-5953-4511-8d53-8cfc799250e7" providerId="ADAL" clId="{C8BF6973-46E5-49E4-A00E-0CE605532C28}" dt="2023-06-29T08:35:19.036" v="4004" actId="790"/>
          <ac:spMkLst>
            <pc:docMk/>
            <pc:sldMk cId="3814535045" sldId="557"/>
            <ac:spMk id="2" creationId="{E7FD2473-A1D8-4F47-BE9D-C6B8474469B5}"/>
          </ac:spMkLst>
        </pc:spChg>
        <pc:spChg chg="mod">
          <ac:chgData name="Merve Turhan" userId="3594cd17-5953-4511-8d53-8cfc799250e7" providerId="ADAL" clId="{C8BF6973-46E5-49E4-A00E-0CE605532C28}" dt="2023-06-29T08:35:19.036" v="4005" actId="790"/>
          <ac:spMkLst>
            <pc:docMk/>
            <pc:sldMk cId="3814535045" sldId="557"/>
            <ac:spMk id="3" creationId="{978A330B-EE5D-4CD6-948C-7E099E3991CE}"/>
          </ac:spMkLst>
        </pc:spChg>
        <pc:spChg chg="mod">
          <ac:chgData name="Merve Turhan" userId="3594cd17-5953-4511-8d53-8cfc799250e7" providerId="ADAL" clId="{C8BF6973-46E5-49E4-A00E-0CE605532C28}" dt="2023-06-29T08:35:19.036" v="4006" actId="790"/>
          <ac:spMkLst>
            <pc:docMk/>
            <pc:sldMk cId="3814535045" sldId="557"/>
            <ac:spMk id="8" creationId="{2C45F143-A005-48A3-97E9-08EEB7392992}"/>
          </ac:spMkLst>
        </pc:spChg>
        <pc:spChg chg="mod">
          <ac:chgData name="Merve Turhan" userId="3594cd17-5953-4511-8d53-8cfc799250e7" providerId="ADAL" clId="{C8BF6973-46E5-49E4-A00E-0CE605532C28}" dt="2023-06-29T08:35:19.036" v="4007" actId="790"/>
          <ac:spMkLst>
            <pc:docMk/>
            <pc:sldMk cId="3814535045" sldId="557"/>
            <ac:spMk id="9" creationId="{979D7408-5ACE-4250-902A-5EA628FE68A3}"/>
          </ac:spMkLst>
        </pc:spChg>
        <pc:spChg chg="mod">
          <ac:chgData name="Merve Turhan" userId="3594cd17-5953-4511-8d53-8cfc799250e7" providerId="ADAL" clId="{C8BF6973-46E5-49E4-A00E-0CE605532C28}" dt="2023-06-29T08:35:19.036" v="4008" actId="790"/>
          <ac:spMkLst>
            <pc:docMk/>
            <pc:sldMk cId="3814535045" sldId="557"/>
            <ac:spMk id="10" creationId="{B66117B2-81C4-4AB5-9186-20266BC7F48B}"/>
          </ac:spMkLst>
        </pc:spChg>
        <pc:spChg chg="mod">
          <ac:chgData name="Merve Turhan" userId="3594cd17-5953-4511-8d53-8cfc799250e7" providerId="ADAL" clId="{C8BF6973-46E5-49E4-A00E-0CE605532C28}" dt="2023-06-29T08:35:19.036" v="4009" actId="790"/>
          <ac:spMkLst>
            <pc:docMk/>
            <pc:sldMk cId="3814535045" sldId="557"/>
            <ac:spMk id="11" creationId="{FBC07123-895E-4C38-8E5D-BFA0BAE97C07}"/>
          </ac:spMkLst>
        </pc:spChg>
        <pc:spChg chg="add mod">
          <ac:chgData name="Merve Turhan" userId="3594cd17-5953-4511-8d53-8cfc799250e7" providerId="ADAL" clId="{C8BF6973-46E5-49E4-A00E-0CE605532C28}" dt="2023-06-29T08:35:19.036" v="4010" actId="790"/>
          <ac:spMkLst>
            <pc:docMk/>
            <pc:sldMk cId="3814535045" sldId="557"/>
            <ac:spMk id="12" creationId="{85B3D02B-5B55-5278-11FA-9A07655BC98C}"/>
          </ac:spMkLst>
        </pc:spChg>
        <pc:picChg chg="add mod">
          <ac:chgData name="Merve Turhan" userId="3594cd17-5953-4511-8d53-8cfc799250e7" providerId="ADAL" clId="{C8BF6973-46E5-49E4-A00E-0CE605532C28}" dt="2023-06-19T13:01:57.555" v="3436" actId="1076"/>
          <ac:picMkLst>
            <pc:docMk/>
            <pc:sldMk cId="3814535045" sldId="557"/>
            <ac:picMk id="4" creationId="{4A233240-E28F-61B6-76AE-5DE5A23219AA}"/>
          </ac:picMkLst>
        </pc:picChg>
        <pc:picChg chg="add mod">
          <ac:chgData name="Merve Turhan" userId="3594cd17-5953-4511-8d53-8cfc799250e7" providerId="ADAL" clId="{C8BF6973-46E5-49E4-A00E-0CE605532C28}" dt="2023-06-19T07:06:18.493" v="2191" actId="1076"/>
          <ac:picMkLst>
            <pc:docMk/>
            <pc:sldMk cId="3814535045" sldId="557"/>
            <ac:picMk id="5" creationId="{27FD01CA-091A-AC76-5271-3EE22F3BEDC1}"/>
          </ac:picMkLst>
        </pc:picChg>
      </pc:sldChg>
      <pc:sldChg chg="modSp mod">
        <pc:chgData name="Merve Turhan" userId="3594cd17-5953-4511-8d53-8cfc799250e7" providerId="ADAL" clId="{C8BF6973-46E5-49E4-A00E-0CE605532C28}" dt="2023-06-29T08:35:19.046" v="4018" actId="790"/>
        <pc:sldMkLst>
          <pc:docMk/>
          <pc:sldMk cId="2687749463" sldId="558"/>
        </pc:sldMkLst>
        <pc:spChg chg="mod">
          <ac:chgData name="Merve Turhan" userId="3594cd17-5953-4511-8d53-8cfc799250e7" providerId="ADAL" clId="{C8BF6973-46E5-49E4-A00E-0CE605532C28}" dt="2023-06-29T08:35:19.046" v="4018" actId="790"/>
          <ac:spMkLst>
            <pc:docMk/>
            <pc:sldMk cId="2687749463" sldId="558"/>
            <ac:spMk id="2" creationId="{5552E3F4-9A06-4671-B090-DF3C6F71903B}"/>
          </ac:spMkLst>
        </pc:spChg>
      </pc:sldChg>
      <pc:sldChg chg="modSp mod">
        <pc:chgData name="Merve Turhan" userId="3594cd17-5953-4511-8d53-8cfc799250e7" providerId="ADAL" clId="{C8BF6973-46E5-49E4-A00E-0CE605532C28}" dt="2023-06-29T08:35:19.046" v="4017" actId="790"/>
        <pc:sldMkLst>
          <pc:docMk/>
          <pc:sldMk cId="2909941548" sldId="562"/>
        </pc:sldMkLst>
        <pc:spChg chg="mod">
          <ac:chgData name="Merve Turhan" userId="3594cd17-5953-4511-8d53-8cfc799250e7" providerId="ADAL" clId="{C8BF6973-46E5-49E4-A00E-0CE605532C28}" dt="2023-06-29T08:35:19.036" v="4014" actId="790"/>
          <ac:spMkLst>
            <pc:docMk/>
            <pc:sldMk cId="2909941548" sldId="562"/>
            <ac:spMk id="2" creationId="{867D2DCC-C508-4918-9142-29578F98A877}"/>
          </ac:spMkLst>
        </pc:spChg>
        <pc:spChg chg="mod">
          <ac:chgData name="Merve Turhan" userId="3594cd17-5953-4511-8d53-8cfc799250e7" providerId="ADAL" clId="{C8BF6973-46E5-49E4-A00E-0CE605532C28}" dt="2023-06-29T08:35:19.046" v="4015" actId="790"/>
          <ac:spMkLst>
            <pc:docMk/>
            <pc:sldMk cId="2909941548" sldId="562"/>
            <ac:spMk id="12" creationId="{05D2EC3E-38F6-450F-8F5B-ABCACB89C4A7}"/>
          </ac:spMkLst>
        </pc:spChg>
        <pc:spChg chg="mod">
          <ac:chgData name="Merve Turhan" userId="3594cd17-5953-4511-8d53-8cfc799250e7" providerId="ADAL" clId="{C8BF6973-46E5-49E4-A00E-0CE605532C28}" dt="2023-06-29T08:35:19.046" v="4016" actId="790"/>
          <ac:spMkLst>
            <pc:docMk/>
            <pc:sldMk cId="2909941548" sldId="562"/>
            <ac:spMk id="13" creationId="{626328A4-9218-48F4-892B-2B543F69162F}"/>
          </ac:spMkLst>
        </pc:spChg>
        <pc:spChg chg="mod">
          <ac:chgData name="Merve Turhan" userId="3594cd17-5953-4511-8d53-8cfc799250e7" providerId="ADAL" clId="{C8BF6973-46E5-49E4-A00E-0CE605532C28}" dt="2023-06-29T08:35:19.046" v="4017" actId="790"/>
          <ac:spMkLst>
            <pc:docMk/>
            <pc:sldMk cId="2909941548" sldId="562"/>
            <ac:spMk id="14" creationId="{283D52F3-8841-4B13-8569-40E359257A74}"/>
          </ac:spMkLst>
        </pc:spChg>
      </pc:sldChg>
      <pc:sldChg chg="addSp delSp modSp mod ord modShow">
        <pc:chgData name="Merve Turhan" userId="3594cd17-5953-4511-8d53-8cfc799250e7" providerId="ADAL" clId="{C8BF6973-46E5-49E4-A00E-0CE605532C28}" dt="2023-06-29T08:35:19.036" v="4013" actId="790"/>
        <pc:sldMkLst>
          <pc:docMk/>
          <pc:sldMk cId="2343135138" sldId="564"/>
        </pc:sldMkLst>
        <pc:spChg chg="mod">
          <ac:chgData name="Merve Turhan" userId="3594cd17-5953-4511-8d53-8cfc799250e7" providerId="ADAL" clId="{C8BF6973-46E5-49E4-A00E-0CE605532C28}" dt="2023-06-29T08:35:19.036" v="4011" actId="790"/>
          <ac:spMkLst>
            <pc:docMk/>
            <pc:sldMk cId="2343135138" sldId="564"/>
            <ac:spMk id="2" creationId="{AC5C63E5-E679-4E70-A067-8A51B63BA9F9}"/>
          </ac:spMkLst>
        </pc:spChg>
        <pc:spChg chg="mod">
          <ac:chgData name="Merve Turhan" userId="3594cd17-5953-4511-8d53-8cfc799250e7" providerId="ADAL" clId="{C8BF6973-46E5-49E4-A00E-0CE605532C28}" dt="2023-06-29T08:35:19.036" v="4012" actId="790"/>
          <ac:spMkLst>
            <pc:docMk/>
            <pc:sldMk cId="2343135138" sldId="564"/>
            <ac:spMk id="3" creationId="{CD8F0E8F-AF21-47F3-804C-D4B83AB2BE82}"/>
          </ac:spMkLst>
        </pc:spChg>
        <pc:spChg chg="mod">
          <ac:chgData name="Merve Turhan" userId="3594cd17-5953-4511-8d53-8cfc799250e7" providerId="ADAL" clId="{C8BF6973-46E5-49E4-A00E-0CE605532C28}" dt="2023-06-29T08:35:19.036" v="4013" actId="790"/>
          <ac:spMkLst>
            <pc:docMk/>
            <pc:sldMk cId="2343135138" sldId="564"/>
            <ac:spMk id="6" creationId="{ECF85595-A1DD-428E-9AD3-1E51007759D4}"/>
          </ac:spMkLst>
        </pc:spChg>
        <pc:picChg chg="add del mod">
          <ac:chgData name="Merve Turhan" userId="3594cd17-5953-4511-8d53-8cfc799250e7" providerId="ADAL" clId="{C8BF6973-46E5-49E4-A00E-0CE605532C28}" dt="2023-06-19T07:06:00.565" v="2186" actId="21"/>
          <ac:picMkLst>
            <pc:docMk/>
            <pc:sldMk cId="2343135138" sldId="564"/>
            <ac:picMk id="5" creationId="{360BC9BB-469F-6DB9-C9AF-D033C18C8C66}"/>
          </ac:picMkLst>
        </pc:picChg>
        <pc:picChg chg="del">
          <ac:chgData name="Merve Turhan" userId="3594cd17-5953-4511-8d53-8cfc799250e7" providerId="ADAL" clId="{C8BF6973-46E5-49E4-A00E-0CE605532C28}" dt="2023-06-19T07:05:51.788" v="2181" actId="478"/>
          <ac:picMkLst>
            <pc:docMk/>
            <pc:sldMk cId="2343135138" sldId="564"/>
            <ac:picMk id="7" creationId="{F2ADF1F5-448A-4C55-979D-65DA4B3221E2}"/>
          </ac:picMkLst>
        </pc:picChg>
      </pc:sldChg>
      <pc:sldChg chg="addSp delSp modSp mod">
        <pc:chgData name="Merve Turhan" userId="3594cd17-5953-4511-8d53-8cfc799250e7" providerId="ADAL" clId="{C8BF6973-46E5-49E4-A00E-0CE605532C28}" dt="2023-06-29T08:35:18.975" v="3907" actId="790"/>
        <pc:sldMkLst>
          <pc:docMk/>
          <pc:sldMk cId="3226931249" sldId="565"/>
        </pc:sldMkLst>
        <pc:spChg chg="mod">
          <ac:chgData name="Merve Turhan" userId="3594cd17-5953-4511-8d53-8cfc799250e7" providerId="ADAL" clId="{C8BF6973-46E5-49E4-A00E-0CE605532C28}" dt="2023-06-29T08:35:18.964" v="3904" actId="790"/>
          <ac:spMkLst>
            <pc:docMk/>
            <pc:sldMk cId="3226931249" sldId="565"/>
            <ac:spMk id="3" creationId="{17D5CE7D-CCF0-44B0-843A-8D46859C44EE}"/>
          </ac:spMkLst>
        </pc:spChg>
        <pc:spChg chg="mod">
          <ac:chgData name="Merve Turhan" userId="3594cd17-5953-4511-8d53-8cfc799250e7" providerId="ADAL" clId="{C8BF6973-46E5-49E4-A00E-0CE605532C28}" dt="2023-06-29T08:35:18.964" v="3905" actId="790"/>
          <ac:spMkLst>
            <pc:docMk/>
            <pc:sldMk cId="3226931249" sldId="565"/>
            <ac:spMk id="5" creationId="{0D8DE8B4-7BAB-4C18-A0E5-01D3A11D374F}"/>
          </ac:spMkLst>
        </pc:spChg>
        <pc:spChg chg="mod">
          <ac:chgData name="Merve Turhan" userId="3594cd17-5953-4511-8d53-8cfc799250e7" providerId="ADAL" clId="{C8BF6973-46E5-49E4-A00E-0CE605532C28}" dt="2023-06-29T08:35:18.964" v="3906" actId="790"/>
          <ac:spMkLst>
            <pc:docMk/>
            <pc:sldMk cId="3226931249" sldId="565"/>
            <ac:spMk id="6" creationId="{327EB691-17C6-4220-AA5E-2F3518AF8CC2}"/>
          </ac:spMkLst>
        </pc:spChg>
        <pc:spChg chg="add del mod">
          <ac:chgData name="Merve Turhan" userId="3594cd17-5953-4511-8d53-8cfc799250e7" providerId="ADAL" clId="{C8BF6973-46E5-49E4-A00E-0CE605532C28}" dt="2023-06-29T08:35:18.975" v="3907" actId="790"/>
          <ac:spMkLst>
            <pc:docMk/>
            <pc:sldMk cId="3226931249" sldId="565"/>
            <ac:spMk id="7" creationId="{0BF70DC3-66C9-451C-917E-BA44956D1DBD}"/>
          </ac:spMkLst>
        </pc:spChg>
        <pc:spChg chg="add del mod">
          <ac:chgData name="Merve Turhan" userId="3594cd17-5953-4511-8d53-8cfc799250e7" providerId="ADAL" clId="{C8BF6973-46E5-49E4-A00E-0CE605532C28}" dt="2023-06-17T10:28:43.676" v="1873" actId="478"/>
          <ac:spMkLst>
            <pc:docMk/>
            <pc:sldMk cId="3226931249" sldId="565"/>
            <ac:spMk id="8" creationId="{F763233B-C9FE-FF64-CD5C-D460A44802FF}"/>
          </ac:spMkLst>
        </pc:spChg>
        <pc:spChg chg="add del mod">
          <ac:chgData name="Merve Turhan" userId="3594cd17-5953-4511-8d53-8cfc799250e7" providerId="ADAL" clId="{C8BF6973-46E5-49E4-A00E-0CE605532C28}" dt="2023-06-19T12:37:10.247" v="2224" actId="478"/>
          <ac:spMkLst>
            <pc:docMk/>
            <pc:sldMk cId="3226931249" sldId="565"/>
            <ac:spMk id="12" creationId="{D149EDC8-8730-9EB9-7AC9-D862F2111D3A}"/>
          </ac:spMkLst>
        </pc:spChg>
        <pc:picChg chg="mod">
          <ac:chgData name="Merve Turhan" userId="3594cd17-5953-4511-8d53-8cfc799250e7" providerId="ADAL" clId="{C8BF6973-46E5-49E4-A00E-0CE605532C28}" dt="2023-06-19T19:23:27.163" v="3622" actId="1076"/>
          <ac:picMkLst>
            <pc:docMk/>
            <pc:sldMk cId="3226931249" sldId="565"/>
            <ac:picMk id="2" creationId="{E05150B8-C6FC-4105-A83A-3BD40D7FEBA4}"/>
          </ac:picMkLst>
        </pc:picChg>
        <pc:picChg chg="mod">
          <ac:chgData name="Merve Turhan" userId="3594cd17-5953-4511-8d53-8cfc799250e7" providerId="ADAL" clId="{C8BF6973-46E5-49E4-A00E-0CE605532C28}" dt="2023-06-19T12:40:19.855" v="3387" actId="1076"/>
          <ac:picMkLst>
            <pc:docMk/>
            <pc:sldMk cId="3226931249" sldId="565"/>
            <ac:picMk id="4" creationId="{5BFCFF02-7BCC-4ED6-9416-ED9FA2AFAC86}"/>
          </ac:picMkLst>
        </pc:picChg>
        <pc:picChg chg="add mod">
          <ac:chgData name="Merve Turhan" userId="3594cd17-5953-4511-8d53-8cfc799250e7" providerId="ADAL" clId="{C8BF6973-46E5-49E4-A00E-0CE605532C28}" dt="2023-06-19T20:14:59.158" v="3675" actId="1076"/>
          <ac:picMkLst>
            <pc:docMk/>
            <pc:sldMk cId="3226931249" sldId="565"/>
            <ac:picMk id="9" creationId="{51225D09-3568-E801-BE1E-7BCF98C53744}"/>
          </ac:picMkLst>
        </pc:picChg>
        <pc:picChg chg="add mod">
          <ac:chgData name="Merve Turhan" userId="3594cd17-5953-4511-8d53-8cfc799250e7" providerId="ADAL" clId="{C8BF6973-46E5-49E4-A00E-0CE605532C28}" dt="2023-06-29T08:34:42.235" v="3903" actId="1076"/>
          <ac:picMkLst>
            <pc:docMk/>
            <pc:sldMk cId="3226931249" sldId="565"/>
            <ac:picMk id="10" creationId="{3075343C-EC52-1A19-5452-99DE2D1F4D23}"/>
          </ac:picMkLst>
        </pc:picChg>
      </pc:sldChg>
      <pc:sldChg chg="modSp del mod">
        <pc:chgData name="Merve Turhan" userId="3594cd17-5953-4511-8d53-8cfc799250e7" providerId="ADAL" clId="{C8BF6973-46E5-49E4-A00E-0CE605532C28}" dt="2023-06-20T06:57:01.662" v="3681" actId="47"/>
        <pc:sldMkLst>
          <pc:docMk/>
          <pc:sldMk cId="678586124" sldId="566"/>
        </pc:sldMkLst>
        <pc:spChg chg="mod">
          <ac:chgData name="Merve Turhan" userId="3594cd17-5953-4511-8d53-8cfc799250e7" providerId="ADAL" clId="{C8BF6973-46E5-49E4-A00E-0CE605532C28}" dt="2023-06-19T12:38:40.703" v="2969" actId="790"/>
          <ac:spMkLst>
            <pc:docMk/>
            <pc:sldMk cId="678586124" sldId="566"/>
            <ac:spMk id="2" creationId="{4B33378B-75B3-4C02-BA56-C1A7A6A056F5}"/>
          </ac:spMkLst>
        </pc:spChg>
      </pc:sldChg>
      <pc:sldChg chg="modSp del mod">
        <pc:chgData name="Merve Turhan" userId="3594cd17-5953-4511-8d53-8cfc799250e7" providerId="ADAL" clId="{C8BF6973-46E5-49E4-A00E-0CE605532C28}" dt="2023-06-20T06:57:03.031" v="3682" actId="47"/>
        <pc:sldMkLst>
          <pc:docMk/>
          <pc:sldMk cId="3067544362" sldId="567"/>
        </pc:sldMkLst>
        <pc:spChg chg="mod">
          <ac:chgData name="Merve Turhan" userId="3594cd17-5953-4511-8d53-8cfc799250e7" providerId="ADAL" clId="{C8BF6973-46E5-49E4-A00E-0CE605532C28}" dt="2023-06-19T12:38:40.703" v="2970" actId="790"/>
          <ac:spMkLst>
            <pc:docMk/>
            <pc:sldMk cId="3067544362" sldId="567"/>
            <ac:spMk id="2" creationId="{AF3FD217-773D-4A97-9C2C-7B27AD362391}"/>
          </ac:spMkLst>
        </pc:spChg>
      </pc:sldChg>
      <pc:sldChg chg="modSp del mod">
        <pc:chgData name="Merve Turhan" userId="3594cd17-5953-4511-8d53-8cfc799250e7" providerId="ADAL" clId="{C8BF6973-46E5-49E4-A00E-0CE605532C28}" dt="2023-06-18T12:59:38.676" v="2129" actId="47"/>
        <pc:sldMkLst>
          <pc:docMk/>
          <pc:sldMk cId="3353424131" sldId="575"/>
        </pc:sldMkLst>
        <pc:spChg chg="mod">
          <ac:chgData name="Merve Turhan" userId="3594cd17-5953-4511-8d53-8cfc799250e7" providerId="ADAL" clId="{C8BF6973-46E5-49E4-A00E-0CE605532C28}" dt="2023-06-16T07:46:22.271" v="1002" actId="790"/>
          <ac:spMkLst>
            <pc:docMk/>
            <pc:sldMk cId="3353424131" sldId="575"/>
            <ac:spMk id="2" creationId="{6461BD23-0430-4152-8B94-B626B2830B75}"/>
          </ac:spMkLst>
        </pc:spChg>
        <pc:spChg chg="mod">
          <ac:chgData name="Merve Turhan" userId="3594cd17-5953-4511-8d53-8cfc799250e7" providerId="ADAL" clId="{C8BF6973-46E5-49E4-A00E-0CE605532C28}" dt="2023-06-16T07:46:22.281" v="1003" actId="790"/>
          <ac:spMkLst>
            <pc:docMk/>
            <pc:sldMk cId="3353424131" sldId="575"/>
            <ac:spMk id="3" creationId="{CC419AA3-CE22-4575-A7C3-854C8BF78334}"/>
          </ac:spMkLst>
        </pc:spChg>
        <pc:spChg chg="mod">
          <ac:chgData name="Merve Turhan" userId="3594cd17-5953-4511-8d53-8cfc799250e7" providerId="ADAL" clId="{C8BF6973-46E5-49E4-A00E-0CE605532C28}" dt="2023-06-16T07:46:22.281" v="1004" actId="790"/>
          <ac:spMkLst>
            <pc:docMk/>
            <pc:sldMk cId="3353424131" sldId="575"/>
            <ac:spMk id="4" creationId="{76C5B5D3-9630-424B-B00D-9E5DBC3BEFAF}"/>
          </ac:spMkLst>
        </pc:spChg>
      </pc:sldChg>
      <pc:sldChg chg="modSp del mod">
        <pc:chgData name="Merve Turhan" userId="3594cd17-5953-4511-8d53-8cfc799250e7" providerId="ADAL" clId="{C8BF6973-46E5-49E4-A00E-0CE605532C28}" dt="2023-06-18T12:59:40.721" v="2130" actId="47"/>
        <pc:sldMkLst>
          <pc:docMk/>
          <pc:sldMk cId="3110003027" sldId="576"/>
        </pc:sldMkLst>
        <pc:spChg chg="mod">
          <ac:chgData name="Merve Turhan" userId="3594cd17-5953-4511-8d53-8cfc799250e7" providerId="ADAL" clId="{C8BF6973-46E5-49E4-A00E-0CE605532C28}" dt="2023-06-16T07:46:22.281" v="1005" actId="790"/>
          <ac:spMkLst>
            <pc:docMk/>
            <pc:sldMk cId="3110003027" sldId="576"/>
            <ac:spMk id="2" creationId="{E7083D10-CCB4-418B-9907-A9BE00152ED3}"/>
          </ac:spMkLst>
        </pc:spChg>
        <pc:spChg chg="mod">
          <ac:chgData name="Merve Turhan" userId="3594cd17-5953-4511-8d53-8cfc799250e7" providerId="ADAL" clId="{C8BF6973-46E5-49E4-A00E-0CE605532C28}" dt="2023-06-16T07:46:22.281" v="1006" actId="790"/>
          <ac:spMkLst>
            <pc:docMk/>
            <pc:sldMk cId="3110003027" sldId="576"/>
            <ac:spMk id="3" creationId="{C8A9AFF7-90BE-454A-818C-3DAF95FD5DF7}"/>
          </ac:spMkLst>
        </pc:spChg>
        <pc:spChg chg="mod">
          <ac:chgData name="Merve Turhan" userId="3594cd17-5953-4511-8d53-8cfc799250e7" providerId="ADAL" clId="{C8BF6973-46E5-49E4-A00E-0CE605532C28}" dt="2023-06-16T07:46:22.281" v="1007" actId="790"/>
          <ac:spMkLst>
            <pc:docMk/>
            <pc:sldMk cId="3110003027" sldId="576"/>
            <ac:spMk id="4" creationId="{F1DD72C2-55A9-49E6-8A55-C267C2D0293F}"/>
          </ac:spMkLst>
        </pc:spChg>
      </pc:sldChg>
      <pc:sldChg chg="modSp mod addAnim delAnim modAnim modNotesTx">
        <pc:chgData name="Merve Turhan" userId="3594cd17-5953-4511-8d53-8cfc799250e7" providerId="ADAL" clId="{C8BF6973-46E5-49E4-A00E-0CE605532C28}" dt="2023-06-29T08:35:18.975" v="3929"/>
        <pc:sldMkLst>
          <pc:docMk/>
          <pc:sldMk cId="1289849602" sldId="577"/>
        </pc:sldMkLst>
        <pc:spChg chg="mod">
          <ac:chgData name="Merve Turhan" userId="3594cd17-5953-4511-8d53-8cfc799250e7" providerId="ADAL" clId="{C8BF6973-46E5-49E4-A00E-0CE605532C28}" dt="2023-06-29T08:35:18.975" v="3928"/>
          <ac:spMkLst>
            <pc:docMk/>
            <pc:sldMk cId="1289849602" sldId="577"/>
            <ac:spMk id="2" creationId="{D2DD72F2-8E4F-4D7F-9707-468C58A8460A}"/>
          </ac:spMkLst>
        </pc:spChg>
        <pc:spChg chg="mod">
          <ac:chgData name="Merve Turhan" userId="3594cd17-5953-4511-8d53-8cfc799250e7" providerId="ADAL" clId="{C8BF6973-46E5-49E4-A00E-0CE605532C28}" dt="2023-06-29T08:35:18.975" v="3929"/>
          <ac:spMkLst>
            <pc:docMk/>
            <pc:sldMk cId="1289849602" sldId="577"/>
            <ac:spMk id="3" creationId="{ECB922AC-EC49-4BAB-880A-2BDBE3F18C84}"/>
          </ac:spMkLst>
        </pc:spChg>
      </pc:sldChg>
      <pc:sldChg chg="modSp mod modAnim">
        <pc:chgData name="Merve Turhan" userId="3594cd17-5953-4511-8d53-8cfc799250e7" providerId="ADAL" clId="{C8BF6973-46E5-49E4-A00E-0CE605532C28}" dt="2023-06-29T08:35:18.975" v="3931"/>
        <pc:sldMkLst>
          <pc:docMk/>
          <pc:sldMk cId="2493018123" sldId="578"/>
        </pc:sldMkLst>
        <pc:spChg chg="mod">
          <ac:chgData name="Merve Turhan" userId="3594cd17-5953-4511-8d53-8cfc799250e7" providerId="ADAL" clId="{C8BF6973-46E5-49E4-A00E-0CE605532C28}" dt="2023-06-29T08:35:18.975" v="3930"/>
          <ac:spMkLst>
            <pc:docMk/>
            <pc:sldMk cId="2493018123" sldId="578"/>
            <ac:spMk id="2" creationId="{2F400340-41C8-4D5E-9D2A-DCC37CE28724}"/>
          </ac:spMkLst>
        </pc:spChg>
        <pc:spChg chg="mod">
          <ac:chgData name="Merve Turhan" userId="3594cd17-5953-4511-8d53-8cfc799250e7" providerId="ADAL" clId="{C8BF6973-46E5-49E4-A00E-0CE605532C28}" dt="2023-06-29T08:35:18.975" v="3931"/>
          <ac:spMkLst>
            <pc:docMk/>
            <pc:sldMk cId="2493018123" sldId="578"/>
            <ac:spMk id="3" creationId="{CDF0FE6E-FE68-4C60-8872-CD6C49828A02}"/>
          </ac:spMkLst>
        </pc:spChg>
      </pc:sldChg>
      <pc:sldChg chg="modSp mod ord modAnim">
        <pc:chgData name="Merve Turhan" userId="3594cd17-5953-4511-8d53-8cfc799250e7" providerId="ADAL" clId="{C8BF6973-46E5-49E4-A00E-0CE605532C28}" dt="2023-06-29T12:12:37.004" v="4704" actId="20577"/>
        <pc:sldMkLst>
          <pc:docMk/>
          <pc:sldMk cId="139325207" sldId="583"/>
        </pc:sldMkLst>
        <pc:spChg chg="mod">
          <ac:chgData name="Merve Turhan" userId="3594cd17-5953-4511-8d53-8cfc799250e7" providerId="ADAL" clId="{C8BF6973-46E5-49E4-A00E-0CE605532C28}" dt="2023-06-29T08:35:18.985" v="3939"/>
          <ac:spMkLst>
            <pc:docMk/>
            <pc:sldMk cId="139325207" sldId="583"/>
            <ac:spMk id="2" creationId="{8CC08D8F-303A-4E54-8CED-2D2FF97D8C29}"/>
          </ac:spMkLst>
        </pc:spChg>
        <pc:spChg chg="mod">
          <ac:chgData name="Merve Turhan" userId="3594cd17-5953-4511-8d53-8cfc799250e7" providerId="ADAL" clId="{C8BF6973-46E5-49E4-A00E-0CE605532C28}" dt="2023-06-29T08:35:18.985" v="3940"/>
          <ac:spMkLst>
            <pc:docMk/>
            <pc:sldMk cId="139325207" sldId="583"/>
            <ac:spMk id="3" creationId="{5CCD7E22-6CD2-44DE-9A09-B103C483EDA2}"/>
          </ac:spMkLst>
        </pc:spChg>
        <pc:spChg chg="mod">
          <ac:chgData name="Merve Turhan" userId="3594cd17-5953-4511-8d53-8cfc799250e7" providerId="ADAL" clId="{C8BF6973-46E5-49E4-A00E-0CE605532C28}" dt="2023-06-29T12:12:37.004" v="4704" actId="20577"/>
          <ac:spMkLst>
            <pc:docMk/>
            <pc:sldMk cId="139325207" sldId="583"/>
            <ac:spMk id="5" creationId="{98745D58-4E73-4F0A-B67C-7F1243E240F6}"/>
          </ac:spMkLst>
        </pc:spChg>
      </pc:sldChg>
      <pc:sldChg chg="modSp new del mod">
        <pc:chgData name="Merve Turhan" userId="3594cd17-5953-4511-8d53-8cfc799250e7" providerId="ADAL" clId="{C8BF6973-46E5-49E4-A00E-0CE605532C28}" dt="2023-06-19T07:24:56.571" v="2213" actId="47"/>
        <pc:sldMkLst>
          <pc:docMk/>
          <pc:sldMk cId="42204921" sldId="584"/>
        </pc:sldMkLst>
        <pc:spChg chg="mod">
          <ac:chgData name="Merve Turhan" userId="3594cd17-5953-4511-8d53-8cfc799250e7" providerId="ADAL" clId="{C8BF6973-46E5-49E4-A00E-0CE605532C28}" dt="2023-06-19T07:24:53.200" v="2212" actId="20577"/>
          <ac:spMkLst>
            <pc:docMk/>
            <pc:sldMk cId="42204921" sldId="584"/>
            <ac:spMk id="2" creationId="{5814CFDD-BA70-2E23-5B97-FB3BC2145544}"/>
          </ac:spMkLst>
        </pc:spChg>
      </pc:sldChg>
      <pc:sldChg chg="addSp delSp modSp new mod modAnim">
        <pc:chgData name="Merve Turhan" userId="3594cd17-5953-4511-8d53-8cfc799250e7" providerId="ADAL" clId="{C8BF6973-46E5-49E4-A00E-0CE605532C28}" dt="2023-06-29T12:15:47.373" v="4762" actId="20577"/>
        <pc:sldMkLst>
          <pc:docMk/>
          <pc:sldMk cId="1733384341" sldId="584"/>
        </pc:sldMkLst>
        <pc:spChg chg="mod">
          <ac:chgData name="Merve Turhan" userId="3594cd17-5953-4511-8d53-8cfc799250e7" providerId="ADAL" clId="{C8BF6973-46E5-49E4-A00E-0CE605532C28}" dt="2023-06-29T12:15:47.373" v="4762" actId="20577"/>
          <ac:spMkLst>
            <pc:docMk/>
            <pc:sldMk cId="1733384341" sldId="584"/>
            <ac:spMk id="2" creationId="{572E5E10-52E6-31D2-292B-F84A320F8BE0}"/>
          </ac:spMkLst>
        </pc:spChg>
        <pc:spChg chg="del">
          <ac:chgData name="Merve Turhan" userId="3594cd17-5953-4511-8d53-8cfc799250e7" providerId="ADAL" clId="{C8BF6973-46E5-49E4-A00E-0CE605532C28}" dt="2023-06-20T06:56:38.180" v="3677"/>
          <ac:spMkLst>
            <pc:docMk/>
            <pc:sldMk cId="1733384341" sldId="584"/>
            <ac:spMk id="3" creationId="{5BBF3068-7B0F-8A55-E824-7880B1B79D7D}"/>
          </ac:spMkLst>
        </pc:spChg>
        <pc:picChg chg="add mod">
          <ac:chgData name="Merve Turhan" userId="3594cd17-5953-4511-8d53-8cfc799250e7" providerId="ADAL" clId="{C8BF6973-46E5-49E4-A00E-0CE605532C28}" dt="2023-06-29T10:53:52.970" v="4688" actId="1038"/>
          <ac:picMkLst>
            <pc:docMk/>
            <pc:sldMk cId="1733384341" sldId="584"/>
            <ac:picMk id="4" creationId="{28245566-536E-417F-C7F8-B7FEE1B7ABB4}"/>
          </ac:picMkLst>
        </pc:picChg>
      </pc:sldChg>
      <pc:sldChg chg="addSp delSp modSp new del mod">
        <pc:chgData name="Merve Turhan" userId="3594cd17-5953-4511-8d53-8cfc799250e7" providerId="ADAL" clId="{C8BF6973-46E5-49E4-A00E-0CE605532C28}" dt="2023-06-19T13:50:12.099" v="3455" actId="27022"/>
        <pc:sldMkLst>
          <pc:docMk/>
          <pc:sldMk cId="3472277876" sldId="584"/>
        </pc:sldMkLst>
        <pc:graphicFrameChg chg="add del mod modGraphic">
          <ac:chgData name="Merve Turhan" userId="3594cd17-5953-4511-8d53-8cfc799250e7" providerId="ADAL" clId="{C8BF6973-46E5-49E4-A00E-0CE605532C28}" dt="2023-06-19T13:50:12.099" v="3455" actId="27022"/>
          <ac:graphicFrameMkLst>
            <pc:docMk/>
            <pc:sldMk cId="3472277876" sldId="584"/>
            <ac:graphicFrameMk id="3" creationId="{001D3C82-2D6D-DAA9-F9C0-5AE05CB6A5A0}"/>
          </ac:graphicFrameMkLst>
        </pc:graphicFrameChg>
      </pc:sldChg>
      <pc:sldMasterChg chg="modSp mod modSldLayout">
        <pc:chgData name="Merve Turhan" userId="3594cd17-5953-4511-8d53-8cfc799250e7" providerId="ADAL" clId="{C8BF6973-46E5-49E4-A00E-0CE605532C28}" dt="2023-06-29T08:35:50.762" v="4560" actId="20577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C8BF6973-46E5-49E4-A00E-0CE605532C28}" dt="2023-06-29T08:35:19.423" v="4232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C8BF6973-46E5-49E4-A00E-0CE605532C28}" dt="2023-06-29T08:35:19.423" v="4231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C8BF6973-46E5-49E4-A00E-0CE605532C28}" dt="2023-06-29T08:35:50.435" v="4400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C8BF6973-46E5-49E4-A00E-0CE605532C28}" dt="2023-06-29T08:35:19.046" v="4023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35" v="4400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C8BF6973-46E5-49E4-A00E-0CE605532C28}" dt="2023-06-29T08:35:19.056" v="4027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C8BF6973-46E5-49E4-A00E-0CE605532C28}" dt="2023-06-29T08:35:19.046" v="4020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C8BF6973-46E5-49E4-A00E-0CE605532C28}" dt="2023-06-29T08:35:19.056" v="4024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056" v="4025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046" v="4022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046" v="4021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52" v="4408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C8BF6973-46E5-49E4-A00E-0CE605532C28}" dt="2023-06-29T08:35:19.066" v="4036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C8BF6973-46E5-49E4-A00E-0CE605532C28}" dt="2023-06-29T08:35:50.452" v="4408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C8BF6973-46E5-49E4-A00E-0CE605532C28}" dt="2023-06-29T08:35:19.066" v="4037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C8BF6973-46E5-49E4-A00E-0CE605532C28}" dt="2023-06-29T08:35:19.077" v="4038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C8BF6973-46E5-49E4-A00E-0CE605532C28}" dt="2023-06-29T08:35:19.077" v="4040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52" v="4412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C8BF6973-46E5-49E4-A00E-0CE605532C28}" dt="2023-06-29T08:35:50.452" v="4412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C8BF6973-46E5-49E4-A00E-0CE605532C28}" dt="2023-06-29T08:35:19.077" v="4042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C8BF6973-46E5-49E4-A00E-0CE605532C28}" dt="2023-06-29T08:35:19.077" v="4043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C8BF6973-46E5-49E4-A00E-0CE605532C28}" dt="2023-06-29T08:35:19.087" v="4045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C8BF6973-46E5-49E4-A00E-0CE605532C28}" dt="2023-06-29T08:35:19.077" v="4041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63" v="4416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C8BF6973-46E5-49E4-A00E-0CE605532C28}" dt="2023-06-29T08:35:19.087" v="4046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63" v="4416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C8BF6973-46E5-49E4-A00E-0CE605532C28}" dt="2023-06-29T08:35:19.095" v="4050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C8BF6973-46E5-49E4-A00E-0CE605532C28}" dt="2023-06-29T08:35:19.087" v="4047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C8BF6973-46E5-49E4-A00E-0CE605532C28}" dt="2023-06-29T08:35:19.087" v="4048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74" v="4420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C8BF6973-46E5-49E4-A00E-0CE605532C28}" dt="2023-06-29T08:35:19.095" v="4051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74" v="4420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C8BF6973-46E5-49E4-A00E-0CE605532C28}" dt="2023-06-29T08:35:19.095" v="4055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C8BF6973-46E5-49E4-A00E-0CE605532C28}" dt="2023-06-29T08:35:19.095" v="4052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C8BF6973-46E5-49E4-A00E-0CE605532C28}" dt="2023-06-29T08:35:19.095" v="4053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86" v="4424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C8BF6973-46E5-49E4-A00E-0CE605532C28}" dt="2023-06-29T08:35:19.095" v="4056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86" v="4424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C8BF6973-46E5-49E4-A00E-0CE605532C28}" dt="2023-06-29T08:35:19.105" v="4060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C8BF6973-46E5-49E4-A00E-0CE605532C28}" dt="2023-06-29T08:35:19.105" v="4057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C8BF6973-46E5-49E4-A00E-0CE605532C28}" dt="2023-06-29T08:35:19.105" v="4058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90" v="4428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C8BF6973-46E5-49E4-A00E-0CE605532C28}" dt="2023-06-29T08:35:19.105" v="4061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90" v="4428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C8BF6973-46E5-49E4-A00E-0CE605532C28}" dt="2023-06-29T08:35:19.115" v="4065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C8BF6973-46E5-49E4-A00E-0CE605532C28}" dt="2023-06-29T08:35:19.105" v="4062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C8BF6973-46E5-49E4-A00E-0CE605532C28}" dt="2023-06-29T08:35:19.115" v="4063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96" v="4432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C8BF6973-46E5-49E4-A00E-0CE605532C28}" dt="2023-06-29T08:35:19.115" v="4066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96" v="4432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C8BF6973-46E5-49E4-A00E-0CE605532C28}" dt="2023-06-29T08:35:19.125" v="4070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C8BF6973-46E5-49E4-A00E-0CE605532C28}" dt="2023-06-29T08:35:19.115" v="4067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C8BF6973-46E5-49E4-A00E-0CE605532C28}" dt="2023-06-29T08:35:19.115" v="4068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04" v="4436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C8BF6973-46E5-49E4-A00E-0CE605532C28}" dt="2023-06-29T08:35:19.125" v="4071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04" v="4436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C8BF6973-46E5-49E4-A00E-0CE605532C28}" dt="2023-06-29T08:35:19.135" v="4075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C8BF6973-46E5-49E4-A00E-0CE605532C28}" dt="2023-06-29T08:35:19.125" v="4072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C8BF6973-46E5-49E4-A00E-0CE605532C28}" dt="2023-06-29T08:35:19.125" v="4073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16" v="4440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C8BF6973-46E5-49E4-A00E-0CE605532C28}" dt="2023-06-29T08:35:50.516" v="4440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C8BF6973-46E5-49E4-A00E-0CE605532C28}" dt="2023-06-29T08:35:19.135" v="4079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C8BF6973-46E5-49E4-A00E-0CE605532C28}" dt="2023-06-29T08:35:19.135" v="4076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C8BF6973-46E5-49E4-A00E-0CE605532C28}" dt="2023-06-29T08:35:19.135" v="4077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16" v="4444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C8BF6973-46E5-49E4-A00E-0CE605532C28}" dt="2023-06-29T08:35:50.516" v="4444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C8BF6973-46E5-49E4-A00E-0CE605532C28}" dt="2023-06-29T08:35:19.145" v="4082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C8BF6973-46E5-49E4-A00E-0CE605532C28}" dt="2023-06-29T08:35:19.135" v="4080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65" v="4452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C8BF6973-46E5-49E4-A00E-0CE605532C28}" dt="2023-06-29T08:35:50.565" v="4452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C8BF6973-46E5-49E4-A00E-0CE605532C28}" dt="2023-06-29T08:35:19.145" v="4085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145" v="4087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34" v="4484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C8BF6973-46E5-49E4-A00E-0CE605532C28}" dt="2023-06-29T08:35:19.205" v="4117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C8BF6973-46E5-49E4-A00E-0CE605532C28}" dt="2023-06-29T08:35:19.195" v="4116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34" v="4484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C8BF6973-46E5-49E4-A00E-0CE605532C28}" dt="2023-06-29T08:35:19.205" v="4119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89" v="4512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C8BF6973-46E5-49E4-A00E-0CE605532C28}" dt="2023-06-29T08:35:19.256" v="4147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56" v="4148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56" v="4146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C8BF6973-46E5-49E4-A00E-0CE605532C28}" dt="2023-06-29T08:35:50.689" v="4512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C8BF6973-46E5-49E4-A00E-0CE605532C28}" dt="2023-06-29T08:35:19.256" v="4150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90" v="4516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C8BF6973-46E5-49E4-A00E-0CE605532C28}" dt="2023-06-29T08:35:19.266" v="4153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66" v="4151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C8BF6973-46E5-49E4-A00E-0CE605532C28}" dt="2023-06-29T08:35:19.266" v="4152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90" v="4516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C8BF6973-46E5-49E4-A00E-0CE605532C28}" dt="2023-06-29T08:35:19.266" v="4155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33" v="4540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C8BF6973-46E5-49E4-A00E-0CE605532C28}" dt="2023-06-29T08:35:19.315" v="4183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15" v="4184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15" v="4182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C8BF6973-46E5-49E4-A00E-0CE605532C28}" dt="2023-06-29T08:35:19.315" v="4185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33" v="4540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C8BF6973-46E5-49E4-A00E-0CE605532C28}" dt="2023-06-29T08:35:19.325" v="4187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33" v="4544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C8BF6973-46E5-49E4-A00E-0CE605532C28}" dt="2023-06-29T08:35:19.325" v="4189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25" v="4190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25" v="4188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C8BF6973-46E5-49E4-A00E-0CE605532C28}" dt="2023-06-29T08:35:19.335" v="4191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35" v="4192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33" v="4544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C8BF6973-46E5-49E4-A00E-0CE605532C28}" dt="2023-06-29T08:35:19.335" v="4194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45" v="4548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C8BF6973-46E5-49E4-A00E-0CE605532C28}" dt="2023-06-29T08:35:19.335" v="4196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45" v="4197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35" v="4195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C8BF6973-46E5-49E4-A00E-0CE605532C28}" dt="2023-06-29T08:35:19.345" v="4198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45" v="4199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45" v="4548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C8BF6973-46E5-49E4-A00E-0CE605532C28}" dt="2023-06-29T08:35:19.345" v="4201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52" v="4552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C8BF6973-46E5-49E4-A00E-0CE605532C28}" dt="2023-06-29T08:35:19.355" v="4203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55" v="4204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45" v="4202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C8BF6973-46E5-49E4-A00E-0CE605532C28}" dt="2023-06-29T08:35:19.355" v="4205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55" v="4206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52" v="4552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C8BF6973-46E5-49E4-A00E-0CE605532C28}" dt="2023-06-29T08:35:19.355" v="4208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62" v="4560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C8BF6973-46E5-49E4-A00E-0CE605532C28}" dt="2023-06-29T08:35:19.375" v="4217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75" v="4218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75" v="4219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75" v="4220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85" v="4222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85" v="4221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85" v="4224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85" v="4223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75" v="4216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C8BF6973-46E5-49E4-A00E-0CE605532C28}" dt="2023-06-29T08:35:50.762" v="4560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C8BF6973-46E5-49E4-A00E-0CE605532C28}" dt="2023-06-29T08:35:19.385" v="4226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56" v="4496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C8BF6973-46E5-49E4-A00E-0CE605532C28}" dt="2023-06-29T08:35:19.225" v="4129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25" v="4128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C8BF6973-46E5-49E4-A00E-0CE605532C28}" dt="2023-06-29T08:35:50.656" v="4496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C8BF6973-46E5-49E4-A00E-0CE605532C28}" dt="2023-06-29T08:35:19.225" v="4131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57" v="4500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C8BF6973-46E5-49E4-A00E-0CE605532C28}" dt="2023-06-29T08:35:19.235" v="4134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C8BF6973-46E5-49E4-A00E-0CE605532C28}" dt="2023-06-29T08:35:19.235" v="4133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25" v="4132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57" v="4500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C8BF6973-46E5-49E4-A00E-0CE605532C28}" dt="2023-06-29T08:35:19.235" v="4136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67" v="4504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C8BF6973-46E5-49E4-A00E-0CE605532C28}" dt="2023-06-29T08:35:19.235" v="4138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35" v="4137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C8BF6973-46E5-49E4-A00E-0CE605532C28}" dt="2023-06-29T08:35:50.667" v="4504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C8BF6973-46E5-49E4-A00E-0CE605532C28}" dt="2023-06-29T08:35:19.246" v="4140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78" v="4508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C8BF6973-46E5-49E4-A00E-0CE605532C28}" dt="2023-06-29T08:35:19.246" v="4143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C8BF6973-46E5-49E4-A00E-0CE605532C28}" dt="2023-06-29T08:35:19.246" v="4142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46" v="4141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78" v="4508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C8BF6973-46E5-49E4-A00E-0CE605532C28}" dt="2023-06-29T08:35:19.256" v="4145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00" v="4520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C8BF6973-46E5-49E4-A00E-0CE605532C28}" dt="2023-06-29T08:35:19.276" v="4157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76" v="4158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66" v="4156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C8BF6973-46E5-49E4-A00E-0CE605532C28}" dt="2023-06-29T08:35:50.700" v="4520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C8BF6973-46E5-49E4-A00E-0CE605532C28}" dt="2023-06-29T08:35:19.276" v="4160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00" v="4524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C8BF6973-46E5-49E4-A00E-0CE605532C28}" dt="2023-06-29T08:35:19.286" v="4162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86" v="4163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76" v="4161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C8BF6973-46E5-49E4-A00E-0CE605532C28}" dt="2023-06-29T08:35:50.700" v="4524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C8BF6973-46E5-49E4-A00E-0CE605532C28}" dt="2023-06-29T08:35:19.286" v="4165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12" v="4528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C8BF6973-46E5-49E4-A00E-0CE605532C28}" dt="2023-06-29T08:35:19.286" v="4167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86" v="4166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C8BF6973-46E5-49E4-A00E-0CE605532C28}" dt="2023-06-29T08:35:19.295" v="4168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12" v="4528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C8BF6973-46E5-49E4-A00E-0CE605532C28}" dt="2023-06-29T08:35:19.295" v="4170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12" v="4532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C8BF6973-46E5-49E4-A00E-0CE605532C28}" dt="2023-06-29T08:35:19.295" v="4171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C8BF6973-46E5-49E4-A00E-0CE605532C28}" dt="2023-06-29T08:35:19.295" v="4172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95" v="4173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12" v="4532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C8BF6973-46E5-49E4-A00E-0CE605532C28}" dt="2023-06-29T08:35:19.305" v="4175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52" v="4556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C8BF6973-46E5-49E4-A00E-0CE605532C28}" dt="2023-06-29T08:35:19.365" v="4210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65" v="4211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65" v="4212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65" v="4213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C8BF6973-46E5-49E4-A00E-0CE605532C28}" dt="2023-06-29T08:35:19.365" v="4209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C8BF6973-46E5-49E4-A00E-0CE605532C28}" dt="2023-06-29T08:35:50.752" v="4556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C8BF6973-46E5-49E4-A00E-0CE605532C28}" dt="2023-06-29T08:35:19.375" v="4215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26" v="4448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C8BF6973-46E5-49E4-A00E-0CE605532C28}" dt="2023-06-29T08:35:50.526" v="4448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C8BF6973-46E5-49E4-A00E-0CE605532C28}" dt="2023-06-29T08:35:19.145" v="4084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19.395" v="4227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C8BF6973-46E5-49E4-A00E-0CE605532C28}" dt="2023-06-29T08:35:19.395" v="4227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46" v="4404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C8BF6973-46E5-49E4-A00E-0CE605532C28}" dt="2023-06-29T08:35:19.066" v="4031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C8BF6973-46E5-49E4-A00E-0CE605532C28}" dt="2023-06-29T08:35:19.066" v="4032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C8BF6973-46E5-49E4-A00E-0CE605532C28}" dt="2023-06-29T08:35:19.066" v="4033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C8BF6973-46E5-49E4-A00E-0CE605532C28}" dt="2023-06-29T08:35:50.446" v="4404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C8BF6973-46E5-49E4-A00E-0CE605532C28}" dt="2023-06-29T08:35:19.066" v="4035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C8BF6973-46E5-49E4-A00E-0CE605532C28}" dt="2023-06-29T08:35:19.056" v="4028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C8BF6973-46E5-49E4-A00E-0CE605532C28}" dt="2023-06-29T08:35:19.066" v="4030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056" v="4029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45" v="4492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C8BF6973-46E5-49E4-A00E-0CE605532C28}" dt="2023-06-29T08:35:19.215" v="4125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C8BF6973-46E5-49E4-A00E-0CE605532C28}" dt="2023-06-29T08:35:19.215" v="4124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C8BF6973-46E5-49E4-A00E-0CE605532C28}" dt="2023-06-29T08:35:50.645" v="4492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C8BF6973-46E5-49E4-A00E-0CE605532C28}" dt="2023-06-29T08:35:19.225" v="4127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23" v="4536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C8BF6973-46E5-49E4-A00E-0CE605532C28}" dt="2023-06-29T08:35:19.305" v="4177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05" v="4179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C8BF6973-46E5-49E4-A00E-0CE605532C28}" dt="2023-06-29T08:35:19.305" v="4178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23" v="4536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C8BF6973-46E5-49E4-A00E-0CE605532C28}" dt="2023-06-29T08:35:19.305" v="4176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C8BF6973-46E5-49E4-A00E-0CE605532C28}" dt="2023-06-29T08:35:19.315" v="4181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76" v="4456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C8BF6973-46E5-49E4-A00E-0CE605532C28}" dt="2023-06-29T08:35:19.156" v="4088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56" v="4089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76" v="4456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C8BF6973-46E5-49E4-A00E-0CE605532C28}" dt="2023-06-29T08:35:19.156" v="4091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79" v="4460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C8BF6973-46E5-49E4-A00E-0CE605532C28}" dt="2023-06-29T08:35:19.166" v="4092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66" v="4093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79" v="4460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C8BF6973-46E5-49E4-A00E-0CE605532C28}" dt="2023-06-29T08:35:19.166" v="4095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93" v="4464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C8BF6973-46E5-49E4-A00E-0CE605532C28}" dt="2023-06-29T08:35:19.166" v="4096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66" v="4097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93" v="4464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C8BF6973-46E5-49E4-A00E-0CE605532C28}" dt="2023-06-29T08:35:19.176" v="4099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93" v="4468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C8BF6973-46E5-49E4-A00E-0CE605532C28}" dt="2023-06-29T08:35:19.176" v="4100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76" v="4101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93" v="4468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C8BF6973-46E5-49E4-A00E-0CE605532C28}" dt="2023-06-29T08:35:19.176" v="4103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10" v="4472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C8BF6973-46E5-49E4-A00E-0CE605532C28}" dt="2023-06-29T08:35:19.176" v="4104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86" v="4105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10" v="4472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C8BF6973-46E5-49E4-A00E-0CE605532C28}" dt="2023-06-29T08:35:19.186" v="4107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18" v="4476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C8BF6973-46E5-49E4-A00E-0CE605532C28}" dt="2023-06-29T08:35:19.186" v="4108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86" v="4109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18" v="4476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C8BF6973-46E5-49E4-A00E-0CE605532C28}" dt="2023-06-29T08:35:19.195" v="4111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18" v="4480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C8BF6973-46E5-49E4-A00E-0CE605532C28}" dt="2023-06-29T08:35:19.195" v="4112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95" v="4113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18" v="4480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C8BF6973-46E5-49E4-A00E-0CE605532C28}" dt="2023-06-29T08:35:19.195" v="4115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19.396" v="4229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C8BF6973-46E5-49E4-A00E-0CE605532C28}" dt="2023-06-29T08:35:19.396" v="4228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C8BF6973-46E5-49E4-A00E-0CE605532C28}" dt="2023-06-29T08:35:19.396" v="4229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19.420" v="4230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C8BF6973-46E5-49E4-A00E-0CE605532C28}" dt="2023-06-29T08:35:19.420" v="4230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34" v="4488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C8BF6973-46E5-49E4-A00E-0CE605532C28}" dt="2023-06-29T08:35:19.205" v="4121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C8BF6973-46E5-49E4-A00E-0CE605532C28}" dt="2023-06-29T08:35:19.205" v="4120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34" v="4488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C8BF6973-46E5-49E4-A00E-0CE605532C28}" dt="2023-06-29T08:35:19.215" v="4123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Thomas Nyman" userId="ac62be27-690b-42bb-ae39-d787d15a1823" providerId="ADAL" clId="{DF62E54B-A799-4E3F-BB9A-8D329FB4EC04}"/>
    <pc:docChg chg="custSel modMainMaster">
      <pc:chgData name="Thomas Nyman" userId="ac62be27-690b-42bb-ae39-d787d15a1823" providerId="ADAL" clId="{DF62E54B-A799-4E3F-BB9A-8D329FB4EC04}" dt="2022-11-21T09:44:34.123" v="163" actId="20577"/>
      <pc:docMkLst>
        <pc:docMk/>
      </pc:docMkLst>
      <pc:sldMasterChg chg="modSldLayout">
        <pc:chgData name="Thomas Nyman" userId="ac62be27-690b-42bb-ae39-d787d15a1823" providerId="ADAL" clId="{DF62E54B-A799-4E3F-BB9A-8D329FB4EC04}" dt="2022-11-21T09:44:34.123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DF62E54B-A799-4E3F-BB9A-8D329FB4EC04}" dt="2022-11-21T09:44:33.686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DF62E54B-A799-4E3F-BB9A-8D329FB4EC04}" dt="2022-11-21T09:44:33.686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03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DF62E54B-A799-4E3F-BB9A-8D329FB4EC04}" dt="2022-11-21T09:44:33.703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12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DF62E54B-A799-4E3F-BB9A-8D329FB4EC04}" dt="2022-11-21T09:44:33.712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19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DF62E54B-A799-4E3F-BB9A-8D329FB4EC04}" dt="2022-11-21T09:44:33.719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27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DF62E54B-A799-4E3F-BB9A-8D329FB4EC04}" dt="2022-11-21T09:44:33.727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36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DF62E54B-A799-4E3F-BB9A-8D329FB4EC04}" dt="2022-11-21T09:44:33.736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45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DF62E54B-A799-4E3F-BB9A-8D329FB4EC04}" dt="2022-11-21T09:44:33.745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52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DF62E54B-A799-4E3F-BB9A-8D329FB4EC04}" dt="2022-11-21T09:44:33.752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61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DF62E54B-A799-4E3F-BB9A-8D329FB4EC04}" dt="2022-11-21T09:44:33.761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70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DF62E54B-A799-4E3F-BB9A-8D329FB4EC04}" dt="2022-11-21T09:44:33.770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81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DF62E54B-A799-4E3F-BB9A-8D329FB4EC04}" dt="2022-11-21T09:44:33.781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01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DF62E54B-A799-4E3F-BB9A-8D329FB4EC04}" dt="2022-11-21T09:44:33.801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99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DF62E54B-A799-4E3F-BB9A-8D329FB4EC04}" dt="2022-11-21T09:44:33.899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88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DF62E54B-A799-4E3F-BB9A-8D329FB4EC04}" dt="2022-11-21T09:44:33.988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98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DF62E54B-A799-4E3F-BB9A-8D329FB4EC04}" dt="2022-11-21T09:44:33.998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55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DF62E54B-A799-4E3F-BB9A-8D329FB4EC04}" dt="2022-11-21T09:44:34.055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66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DF62E54B-A799-4E3F-BB9A-8D329FB4EC04}" dt="2022-11-21T09:44:34.066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84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DF62E54B-A799-4E3F-BB9A-8D329FB4EC04}" dt="2022-11-21T09:44:34.084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96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DF62E54B-A799-4E3F-BB9A-8D329FB4EC04}" dt="2022-11-21T09:44:34.096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123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DF62E54B-A799-4E3F-BB9A-8D329FB4EC04}" dt="2022-11-21T09:44:34.123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46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DF62E54B-A799-4E3F-BB9A-8D329FB4EC04}" dt="2022-11-21T09:44:33.946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57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DF62E54B-A799-4E3F-BB9A-8D329FB4EC04}" dt="2022-11-21T09:44:33.957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67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DF62E54B-A799-4E3F-BB9A-8D329FB4EC04}" dt="2022-11-21T09:44:33.967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78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DF62E54B-A799-4E3F-BB9A-8D329FB4EC04}" dt="2022-11-21T09:44:33.978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07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DF62E54B-A799-4E3F-BB9A-8D329FB4EC04}" dt="2022-11-21T09:44:34.007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19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DF62E54B-A799-4E3F-BB9A-8D329FB4EC04}" dt="2022-11-21T09:44:34.019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27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DF62E54B-A799-4E3F-BB9A-8D329FB4EC04}" dt="2022-11-21T09:44:34.027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35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DF62E54B-A799-4E3F-BB9A-8D329FB4EC04}" dt="2022-11-21T09:44:34.035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108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DF62E54B-A799-4E3F-BB9A-8D329FB4EC04}" dt="2022-11-21T09:44:34.108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90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DF62E54B-A799-4E3F-BB9A-8D329FB4EC04}" dt="2022-11-21T09:44:33.790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696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DF62E54B-A799-4E3F-BB9A-8D329FB4EC04}" dt="2022-11-21T09:44:33.696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18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DF62E54B-A799-4E3F-BB9A-8D329FB4EC04}" dt="2022-11-21T09:44:33.918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45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DF62E54B-A799-4E3F-BB9A-8D329FB4EC04}" dt="2022-11-21T09:44:34.045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13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DF62E54B-A799-4E3F-BB9A-8D329FB4EC04}" dt="2022-11-21T09:44:33.813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21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DF62E54B-A799-4E3F-BB9A-8D329FB4EC04}" dt="2022-11-21T09:44:33.821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32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DF62E54B-A799-4E3F-BB9A-8D329FB4EC04}" dt="2022-11-21T09:44:33.832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40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DF62E54B-A799-4E3F-BB9A-8D329FB4EC04}" dt="2022-11-21T09:44:33.840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52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DF62E54B-A799-4E3F-BB9A-8D329FB4EC04}" dt="2022-11-21T09:44:33.852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70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DF62E54B-A799-4E3F-BB9A-8D329FB4EC04}" dt="2022-11-21T09:44:33.870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85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DF62E54B-A799-4E3F-BB9A-8D329FB4EC04}" dt="2022-11-21T09:44:33.885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08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DF62E54B-A799-4E3F-BB9A-8D329FB4EC04}" dt="2022-11-21T09:44:33.908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65FDCB7C-DCC4-47B9-B16B-8DE826AF9175}"/>
    <pc:docChg chg="custSel modSld modMainMaster">
      <pc:chgData name="Merve Turhan" userId="3594cd17-5953-4511-8d53-8cfc799250e7" providerId="ADAL" clId="{65FDCB7C-DCC4-47B9-B16B-8DE826AF9175}" dt="2021-10-05T06:58:48.487" v="492" actId="20577"/>
      <pc:docMkLst>
        <pc:docMk/>
      </pc:docMkLst>
      <pc:sldChg chg="modSp mod">
        <pc:chgData name="Merve Turhan" userId="3594cd17-5953-4511-8d53-8cfc799250e7" providerId="ADAL" clId="{65FDCB7C-DCC4-47B9-B16B-8DE826AF9175}" dt="2021-10-05T06:57:09.067" v="164" actId="2711"/>
        <pc:sldMkLst>
          <pc:docMk/>
          <pc:sldMk cId="3709959988" sldId="270"/>
        </pc:sldMkLst>
        <pc:spChg chg="mod">
          <ac:chgData name="Merve Turhan" userId="3594cd17-5953-4511-8d53-8cfc799250e7" providerId="ADAL" clId="{65FDCB7C-DCC4-47B9-B16B-8DE826AF9175}" dt="2021-10-05T06:57:09.067" v="164" actId="2711"/>
          <ac:spMkLst>
            <pc:docMk/>
            <pc:sldMk cId="3709959988" sldId="270"/>
            <ac:spMk id="5" creationId="{393A08AF-E8DD-44C5-A85C-B1192DD283A4}"/>
          </ac:spMkLst>
        </pc:spChg>
      </pc:sldChg>
      <pc:sldMasterChg chg="modSldLayout">
        <pc:chgData name="Merve Turhan" userId="3594cd17-5953-4511-8d53-8cfc799250e7" providerId="ADAL" clId="{65FDCB7C-DCC4-47B9-B16B-8DE826AF9175}" dt="2021-10-05T06:58:48.487" v="492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65FDCB7C-DCC4-47B9-B16B-8DE826AF9175}" dt="2021-10-05T06:58:48.245" v="332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65FDCB7C-DCC4-47B9-B16B-8DE826AF9175}" dt="2021-10-05T06:58:48.245" v="332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59" v="340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65FDCB7C-DCC4-47B9-B16B-8DE826AF9175}" dt="2021-10-05T06:58:48.259" v="340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64" v="344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65FDCB7C-DCC4-47B9-B16B-8DE826AF9175}" dt="2021-10-05T06:58:48.264" v="344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69" v="348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65FDCB7C-DCC4-47B9-B16B-8DE826AF9175}" dt="2021-10-05T06:58:48.269" v="348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75" v="352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65FDCB7C-DCC4-47B9-B16B-8DE826AF9175}" dt="2021-10-05T06:58:48.275" v="352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82" v="356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65FDCB7C-DCC4-47B9-B16B-8DE826AF9175}" dt="2021-10-05T06:58:48.282" v="356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88" v="360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65FDCB7C-DCC4-47B9-B16B-8DE826AF9175}" dt="2021-10-05T06:58:48.288" v="360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95" v="364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65FDCB7C-DCC4-47B9-B16B-8DE826AF9175}" dt="2021-10-05T06:58:48.295" v="364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01" v="368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65FDCB7C-DCC4-47B9-B16B-8DE826AF9175}" dt="2021-10-05T06:58:48.301" v="368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06" v="372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65FDCB7C-DCC4-47B9-B16B-8DE826AF9175}" dt="2021-10-05T06:58:48.306" v="372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12" v="376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65FDCB7C-DCC4-47B9-B16B-8DE826AF9175}" dt="2021-10-05T06:58:48.312" v="376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23" v="384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65FDCB7C-DCC4-47B9-B16B-8DE826AF9175}" dt="2021-10-05T06:58:48.323" v="384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70" v="416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65FDCB7C-DCC4-47B9-B16B-8DE826AF9175}" dt="2021-10-05T06:58:48.370" v="416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10" v="444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65FDCB7C-DCC4-47B9-B16B-8DE826AF9175}" dt="2021-10-05T06:58:48.410" v="444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17" v="448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65FDCB7C-DCC4-47B9-B16B-8DE826AF9175}" dt="2021-10-05T06:58:48.417" v="448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55" v="472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65FDCB7C-DCC4-47B9-B16B-8DE826AF9175}" dt="2021-10-05T06:58:48.455" v="472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62" v="476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65FDCB7C-DCC4-47B9-B16B-8DE826AF9175}" dt="2021-10-05T06:58:48.462" v="476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67" v="480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65FDCB7C-DCC4-47B9-B16B-8DE826AF9175}" dt="2021-10-05T06:58:48.467" v="480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73" v="484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65FDCB7C-DCC4-47B9-B16B-8DE826AF9175}" dt="2021-10-05T06:58:48.473" v="484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87" v="492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65FDCB7C-DCC4-47B9-B16B-8DE826AF9175}" dt="2021-10-05T06:58:48.487" v="492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85" v="428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65FDCB7C-DCC4-47B9-B16B-8DE826AF9175}" dt="2021-10-05T06:58:48.385" v="428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90" v="432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65FDCB7C-DCC4-47B9-B16B-8DE826AF9175}" dt="2021-10-05T06:58:48.390" v="432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97" v="436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65FDCB7C-DCC4-47B9-B16B-8DE826AF9175}" dt="2021-10-05T06:58:48.397" v="436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03" v="440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65FDCB7C-DCC4-47B9-B16B-8DE826AF9175}" dt="2021-10-05T06:58:48.403" v="440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24" v="452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65FDCB7C-DCC4-47B9-B16B-8DE826AF9175}" dt="2021-10-05T06:58:48.424" v="452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30" v="456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65FDCB7C-DCC4-47B9-B16B-8DE826AF9175}" dt="2021-10-05T06:58:48.430" v="456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36" v="460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65FDCB7C-DCC4-47B9-B16B-8DE826AF9175}" dt="2021-10-05T06:58:48.436" v="460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42" v="464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65FDCB7C-DCC4-47B9-B16B-8DE826AF9175}" dt="2021-10-05T06:58:48.442" v="464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80" v="488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65FDCB7C-DCC4-47B9-B16B-8DE826AF9175}" dt="2021-10-05T06:58:48.480" v="488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18" v="380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65FDCB7C-DCC4-47B9-B16B-8DE826AF9175}" dt="2021-10-05T06:58:48.318" v="380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53" v="336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65FDCB7C-DCC4-47B9-B16B-8DE826AF9175}" dt="2021-10-05T06:58:48.253" v="336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80" v="424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65FDCB7C-DCC4-47B9-B16B-8DE826AF9175}" dt="2021-10-05T06:58:48.380" v="424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49" v="468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65FDCB7C-DCC4-47B9-B16B-8DE826AF9175}" dt="2021-10-05T06:58:48.449" v="468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29" v="388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65FDCB7C-DCC4-47B9-B16B-8DE826AF9175}" dt="2021-10-05T06:58:48.329" v="388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35" v="392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65FDCB7C-DCC4-47B9-B16B-8DE826AF9175}" dt="2021-10-05T06:58:48.335" v="392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41" v="396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65FDCB7C-DCC4-47B9-B16B-8DE826AF9175}" dt="2021-10-05T06:58:48.341" v="396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46" v="400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65FDCB7C-DCC4-47B9-B16B-8DE826AF9175}" dt="2021-10-05T06:58:48.346" v="400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52" v="404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65FDCB7C-DCC4-47B9-B16B-8DE826AF9175}" dt="2021-10-05T06:58:48.352" v="404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58" v="408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65FDCB7C-DCC4-47B9-B16B-8DE826AF9175}" dt="2021-10-05T06:58:48.358" v="408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64" v="412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65FDCB7C-DCC4-47B9-B16B-8DE826AF9175}" dt="2021-10-05T06:58:48.364" v="412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75" v="420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65FDCB7C-DCC4-47B9-B16B-8DE826AF9175}" dt="2021-10-05T06:58:48.375" v="420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ac62be27-690b-42bb-ae39-d787d15a1823" providerId="ADAL" clId="{D4A3FCDC-2200-46D2-9657-A6D62FB6DCA4}"/>
    <pc:docChg chg="custSel modSld modMainMaster">
      <pc:chgData name="Thomas Nyman" userId="ac62be27-690b-42bb-ae39-d787d15a1823" providerId="ADAL" clId="{D4A3FCDC-2200-46D2-9657-A6D62FB6DCA4}" dt="2022-10-04T16:37:23.460" v="164" actId="729"/>
      <pc:docMkLst>
        <pc:docMk/>
      </pc:docMkLst>
      <pc:sldChg chg="mod modShow">
        <pc:chgData name="Thomas Nyman" userId="ac62be27-690b-42bb-ae39-d787d15a1823" providerId="ADAL" clId="{D4A3FCDC-2200-46D2-9657-A6D62FB6DCA4}" dt="2022-10-04T16:37:23.460" v="164" actId="729"/>
        <pc:sldMkLst>
          <pc:docMk/>
          <pc:sldMk cId="3883732232" sldId="536"/>
        </pc:sldMkLst>
      </pc:sldChg>
      <pc:sldChg chg="mod modShow">
        <pc:chgData name="Thomas Nyman" userId="ac62be27-690b-42bb-ae39-d787d15a1823" providerId="ADAL" clId="{D4A3FCDC-2200-46D2-9657-A6D62FB6DCA4}" dt="2022-10-04T16:37:23.460" v="164" actId="729"/>
        <pc:sldMkLst>
          <pc:docMk/>
          <pc:sldMk cId="2687749463" sldId="558"/>
        </pc:sldMkLst>
      </pc:sldChg>
      <pc:sldChg chg="mod modShow">
        <pc:chgData name="Thomas Nyman" userId="ac62be27-690b-42bb-ae39-d787d15a1823" providerId="ADAL" clId="{D4A3FCDC-2200-46D2-9657-A6D62FB6DCA4}" dt="2022-10-04T16:37:23.460" v="164" actId="729"/>
        <pc:sldMkLst>
          <pc:docMk/>
          <pc:sldMk cId="2909941548" sldId="562"/>
        </pc:sldMkLst>
      </pc:sldChg>
      <pc:sldMasterChg chg="modSldLayout">
        <pc:chgData name="Thomas Nyman" userId="ac62be27-690b-42bb-ae39-d787d15a1823" providerId="ADAL" clId="{D4A3FCDC-2200-46D2-9657-A6D62FB6DCA4}" dt="2022-10-04T16:36:52.697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D4A3FCDC-2200-46D2-9657-A6D62FB6DCA4}" dt="2022-10-04T16:36:51.899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D4A3FCDC-2200-46D2-9657-A6D62FB6DCA4}" dt="2022-10-04T16:36:51.899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1.965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D4A3FCDC-2200-46D2-9657-A6D62FB6DCA4}" dt="2022-10-04T16:36:51.965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1.987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D4A3FCDC-2200-46D2-9657-A6D62FB6DCA4}" dt="2022-10-04T16:36:51.987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10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D4A3FCDC-2200-46D2-9657-A6D62FB6DCA4}" dt="2022-10-04T16:36:52.010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27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D4A3FCDC-2200-46D2-9657-A6D62FB6DCA4}" dt="2022-10-04T16:36:52.027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45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D4A3FCDC-2200-46D2-9657-A6D62FB6DCA4}" dt="2022-10-04T16:36:52.045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77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D4A3FCDC-2200-46D2-9657-A6D62FB6DCA4}" dt="2022-10-04T16:36:52.077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97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D4A3FCDC-2200-46D2-9657-A6D62FB6DCA4}" dt="2022-10-04T16:36:52.097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17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D4A3FCDC-2200-46D2-9657-A6D62FB6DCA4}" dt="2022-10-04T16:36:52.117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43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D4A3FCDC-2200-46D2-9657-A6D62FB6DCA4}" dt="2022-10-04T16:36:52.143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60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D4A3FCDC-2200-46D2-9657-A6D62FB6DCA4}" dt="2022-10-04T16:36:52.160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94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D4A3FCDC-2200-46D2-9657-A6D62FB6DCA4}" dt="2022-10-04T16:36:52.194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60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D4A3FCDC-2200-46D2-9657-A6D62FB6DCA4}" dt="2022-10-04T16:36:52.360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77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D4A3FCDC-2200-46D2-9657-A6D62FB6DCA4}" dt="2022-10-04T16:36:52.477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93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D4A3FCDC-2200-46D2-9657-A6D62FB6DCA4}" dt="2022-10-04T16:36:52.493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14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D4A3FCDC-2200-46D2-9657-A6D62FB6DCA4}" dt="2022-10-04T16:36:52.614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31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D4A3FCDC-2200-46D2-9657-A6D62FB6DCA4}" dt="2022-10-04T16:36:52.631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41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D4A3FCDC-2200-46D2-9657-A6D62FB6DCA4}" dt="2022-10-04T16:36:52.641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69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D4A3FCDC-2200-46D2-9657-A6D62FB6DCA4}" dt="2022-10-04T16:36:52.669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97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D4A3FCDC-2200-46D2-9657-A6D62FB6DCA4}" dt="2022-10-04T16:36:52.697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02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D4A3FCDC-2200-46D2-9657-A6D62FB6DCA4}" dt="2022-10-04T16:36:52.402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10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D4A3FCDC-2200-46D2-9657-A6D62FB6DCA4}" dt="2022-10-04T16:36:52.410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40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D4A3FCDC-2200-46D2-9657-A6D62FB6DCA4}" dt="2022-10-04T16:36:52.440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59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D4A3FCDC-2200-46D2-9657-A6D62FB6DCA4}" dt="2022-10-04T16:36:52.459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12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D4A3FCDC-2200-46D2-9657-A6D62FB6DCA4}" dt="2022-10-04T16:36:52.512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34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D4A3FCDC-2200-46D2-9657-A6D62FB6DCA4}" dt="2022-10-04T16:36:52.534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44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D4A3FCDC-2200-46D2-9657-A6D62FB6DCA4}" dt="2022-10-04T16:36:52.544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77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D4A3FCDC-2200-46D2-9657-A6D62FB6DCA4}" dt="2022-10-04T16:36:52.577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90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D4A3FCDC-2200-46D2-9657-A6D62FB6DCA4}" dt="2022-10-04T16:36:52.690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78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D4A3FCDC-2200-46D2-9657-A6D62FB6DCA4}" dt="2022-10-04T16:36:52.178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1.932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D4A3FCDC-2200-46D2-9657-A6D62FB6DCA4}" dt="2022-10-04T16:36:51.932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80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D4A3FCDC-2200-46D2-9657-A6D62FB6DCA4}" dt="2022-10-04T16:36:52.380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94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D4A3FCDC-2200-46D2-9657-A6D62FB6DCA4}" dt="2022-10-04T16:36:52.594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21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D4A3FCDC-2200-46D2-9657-A6D62FB6DCA4}" dt="2022-10-04T16:36:52.221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32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D4A3FCDC-2200-46D2-9657-A6D62FB6DCA4}" dt="2022-10-04T16:36:52.232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59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D4A3FCDC-2200-46D2-9657-A6D62FB6DCA4}" dt="2022-10-04T16:36:52.259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82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D4A3FCDC-2200-46D2-9657-A6D62FB6DCA4}" dt="2022-10-04T16:36:52.282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97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D4A3FCDC-2200-46D2-9657-A6D62FB6DCA4}" dt="2022-10-04T16:36:52.297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21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D4A3FCDC-2200-46D2-9657-A6D62FB6DCA4}" dt="2022-10-04T16:36:52.321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28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D4A3FCDC-2200-46D2-9657-A6D62FB6DCA4}" dt="2022-10-04T16:36:52.328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78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D4A3FCDC-2200-46D2-9657-A6D62FB6DCA4}" dt="2022-10-04T16:36:52.378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ac62be27-690b-42bb-ae39-d787d15a1823" providerId="ADAL" clId="{C28CBF69-6E74-4D3E-A713-21F236E78A2A}"/>
    <pc:docChg chg="custSel modMainMaster">
      <pc:chgData name="Thomas Nyman" userId="ac62be27-690b-42bb-ae39-d787d15a1823" providerId="ADAL" clId="{C28CBF69-6E74-4D3E-A713-21F236E78A2A}" dt="2022-06-17T10:24:43.220" v="163" actId="20577"/>
      <pc:docMkLst>
        <pc:docMk/>
      </pc:docMkLst>
      <pc:sldMasterChg chg="modSldLayout">
        <pc:chgData name="Thomas Nyman" userId="ac62be27-690b-42bb-ae39-d787d15a1823" providerId="ADAL" clId="{C28CBF69-6E74-4D3E-A713-21F236E78A2A}" dt="2022-06-17T10:24:43.220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C28CBF69-6E74-4D3E-A713-21F236E78A2A}" dt="2022-06-17T10:24:42.936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C28CBF69-6E74-4D3E-A713-21F236E78A2A}" dt="2022-06-17T10:24:42.936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49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C28CBF69-6E74-4D3E-A713-21F236E78A2A}" dt="2022-06-17T10:24:42.949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56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C28CBF69-6E74-4D3E-A713-21F236E78A2A}" dt="2022-06-17T10:24:42.956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62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C28CBF69-6E74-4D3E-A713-21F236E78A2A}" dt="2022-06-17T10:24:42.962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68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C28CBF69-6E74-4D3E-A713-21F236E78A2A}" dt="2022-06-17T10:24:42.968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74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C28CBF69-6E74-4D3E-A713-21F236E78A2A}" dt="2022-06-17T10:24:42.974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82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C28CBF69-6E74-4D3E-A713-21F236E78A2A}" dt="2022-06-17T10:24:42.982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88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C28CBF69-6E74-4D3E-A713-21F236E78A2A}" dt="2022-06-17T10:24:42.988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13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C28CBF69-6E74-4D3E-A713-21F236E78A2A}" dt="2022-06-17T10:24:43.013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19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C28CBF69-6E74-4D3E-A713-21F236E78A2A}" dt="2022-06-17T10:24:43.019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26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C28CBF69-6E74-4D3E-A713-21F236E78A2A}" dt="2022-06-17T10:24:43.026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38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C28CBF69-6E74-4D3E-A713-21F236E78A2A}" dt="2022-06-17T10:24:43.038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86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C28CBF69-6E74-4D3E-A713-21F236E78A2A}" dt="2022-06-17T10:24:43.086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38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C28CBF69-6E74-4D3E-A713-21F236E78A2A}" dt="2022-06-17T10:24:43.138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46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C28CBF69-6E74-4D3E-A713-21F236E78A2A}" dt="2022-06-17T10:24:43.146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87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C28CBF69-6E74-4D3E-A713-21F236E78A2A}" dt="2022-06-17T10:24:43.187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94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C28CBF69-6E74-4D3E-A713-21F236E78A2A}" dt="2022-06-17T10:24:43.194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200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C28CBF69-6E74-4D3E-A713-21F236E78A2A}" dt="2022-06-17T10:24:43.200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206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C28CBF69-6E74-4D3E-A713-21F236E78A2A}" dt="2022-06-17T10:24:43.206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220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C28CBF69-6E74-4D3E-A713-21F236E78A2A}" dt="2022-06-17T10:24:43.220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08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C28CBF69-6E74-4D3E-A713-21F236E78A2A}" dt="2022-06-17T10:24:43.108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15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C28CBF69-6E74-4D3E-A713-21F236E78A2A}" dt="2022-06-17T10:24:43.115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21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C28CBF69-6E74-4D3E-A713-21F236E78A2A}" dt="2022-06-17T10:24:43.121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30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C28CBF69-6E74-4D3E-A713-21F236E78A2A}" dt="2022-06-17T10:24:43.130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51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C28CBF69-6E74-4D3E-A713-21F236E78A2A}" dt="2022-06-17T10:24:43.151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59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C28CBF69-6E74-4D3E-A713-21F236E78A2A}" dt="2022-06-17T10:24:43.159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65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C28CBF69-6E74-4D3E-A713-21F236E78A2A}" dt="2022-06-17T10:24:43.165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71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C28CBF69-6E74-4D3E-A713-21F236E78A2A}" dt="2022-06-17T10:24:43.171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212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C28CBF69-6E74-4D3E-A713-21F236E78A2A}" dt="2022-06-17T10:24:43.212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32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C28CBF69-6E74-4D3E-A713-21F236E78A2A}" dt="2022-06-17T10:24:43.032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43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C28CBF69-6E74-4D3E-A713-21F236E78A2A}" dt="2022-06-17T10:24:42.943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01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C28CBF69-6E74-4D3E-A713-21F236E78A2A}" dt="2022-06-17T10:24:43.101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80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C28CBF69-6E74-4D3E-A713-21F236E78A2A}" dt="2022-06-17T10:24:43.180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45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C28CBF69-6E74-4D3E-A713-21F236E78A2A}" dt="2022-06-17T10:24:43.045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51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C28CBF69-6E74-4D3E-A713-21F236E78A2A}" dt="2022-06-17T10:24:43.051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56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C28CBF69-6E74-4D3E-A713-21F236E78A2A}" dt="2022-06-17T10:24:43.056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64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C28CBF69-6E74-4D3E-A713-21F236E78A2A}" dt="2022-06-17T10:24:43.064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69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C28CBF69-6E74-4D3E-A713-21F236E78A2A}" dt="2022-06-17T10:24:43.069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75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C28CBF69-6E74-4D3E-A713-21F236E78A2A}" dt="2022-06-17T10:24:43.075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81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C28CBF69-6E74-4D3E-A713-21F236E78A2A}" dt="2022-06-17T10:24:43.081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94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C28CBF69-6E74-4D3E-A713-21F236E78A2A}" dt="2022-06-17T10:24:43.094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769B68ED-502A-4DFE-8861-32F14D0ADE37}"/>
    <pc:docChg chg="custSel modMainMaster">
      <pc:chgData name="Merve Turhan" userId="3594cd17-5953-4511-8d53-8cfc799250e7" providerId="ADAL" clId="{769B68ED-502A-4DFE-8861-32F14D0ADE37}" dt="2022-10-23T20:12:20.930" v="163" actId="20577"/>
      <pc:docMkLst>
        <pc:docMk/>
      </pc:docMkLst>
      <pc:sldMasterChg chg="modSldLayout">
        <pc:chgData name="Merve Turhan" userId="3594cd17-5953-4511-8d53-8cfc799250e7" providerId="ADAL" clId="{769B68ED-502A-4DFE-8861-32F14D0ADE37}" dt="2022-10-23T20:12:20.930" v="163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769B68ED-502A-4DFE-8861-32F14D0ADE37}" dt="2022-10-23T20:12:20.534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769B68ED-502A-4DFE-8861-32F14D0ADE37}" dt="2022-10-23T20:12:20.534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54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769B68ED-502A-4DFE-8861-32F14D0ADE37}" dt="2022-10-23T20:12:20.554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70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769B68ED-502A-4DFE-8861-32F14D0ADE37}" dt="2022-10-23T20:12:20.570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81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769B68ED-502A-4DFE-8861-32F14D0ADE37}" dt="2022-10-23T20:12:20.581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92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769B68ED-502A-4DFE-8861-32F14D0ADE37}" dt="2022-10-23T20:12:20.592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04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769B68ED-502A-4DFE-8861-32F14D0ADE37}" dt="2022-10-23T20:12:20.604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15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769B68ED-502A-4DFE-8861-32F14D0ADE37}" dt="2022-10-23T20:12:20.615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26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769B68ED-502A-4DFE-8861-32F14D0ADE37}" dt="2022-10-23T20:12:20.626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39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769B68ED-502A-4DFE-8861-32F14D0ADE37}" dt="2022-10-23T20:12:20.639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50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769B68ED-502A-4DFE-8861-32F14D0ADE37}" dt="2022-10-23T20:12:20.650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67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769B68ED-502A-4DFE-8861-32F14D0ADE37}" dt="2022-10-23T20:12:20.667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90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769B68ED-502A-4DFE-8861-32F14D0ADE37}" dt="2022-10-23T20:12:20.690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71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769B68ED-502A-4DFE-8861-32F14D0ADE37}" dt="2022-10-23T20:12:20.771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31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769B68ED-502A-4DFE-8861-32F14D0ADE37}" dt="2022-10-23T20:12:20.831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38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769B68ED-502A-4DFE-8861-32F14D0ADE37}" dt="2022-10-23T20:12:20.838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87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769B68ED-502A-4DFE-8861-32F14D0ADE37}" dt="2022-10-23T20:12:20.887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95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769B68ED-502A-4DFE-8861-32F14D0ADE37}" dt="2022-10-23T20:12:20.895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903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769B68ED-502A-4DFE-8861-32F14D0ADE37}" dt="2022-10-23T20:12:20.903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911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769B68ED-502A-4DFE-8861-32F14D0ADE37}" dt="2022-10-23T20:12:20.911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930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769B68ED-502A-4DFE-8861-32F14D0ADE37}" dt="2022-10-23T20:12:20.930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00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769B68ED-502A-4DFE-8861-32F14D0ADE37}" dt="2022-10-23T20:12:20.800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09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769B68ED-502A-4DFE-8861-32F14D0ADE37}" dt="2022-10-23T20:12:20.809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16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769B68ED-502A-4DFE-8861-32F14D0ADE37}" dt="2022-10-23T20:12:20.816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24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769B68ED-502A-4DFE-8861-32F14D0ADE37}" dt="2022-10-23T20:12:20.824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46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769B68ED-502A-4DFE-8861-32F14D0ADE37}" dt="2022-10-23T20:12:20.846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55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769B68ED-502A-4DFE-8861-32F14D0ADE37}" dt="2022-10-23T20:12:20.855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63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769B68ED-502A-4DFE-8861-32F14D0ADE37}" dt="2022-10-23T20:12:20.863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71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769B68ED-502A-4DFE-8861-32F14D0ADE37}" dt="2022-10-23T20:12:20.871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921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769B68ED-502A-4DFE-8861-32F14D0ADE37}" dt="2022-10-23T20:12:20.921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78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769B68ED-502A-4DFE-8861-32F14D0ADE37}" dt="2022-10-23T20:12:20.678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43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769B68ED-502A-4DFE-8861-32F14D0ADE37}" dt="2022-10-23T20:12:20.543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90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769B68ED-502A-4DFE-8861-32F14D0ADE37}" dt="2022-10-23T20:12:20.790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79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769B68ED-502A-4DFE-8861-32F14D0ADE37}" dt="2022-10-23T20:12:20.879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01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769B68ED-502A-4DFE-8861-32F14D0ADE37}" dt="2022-10-23T20:12:20.701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12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769B68ED-502A-4DFE-8861-32F14D0ADE37}" dt="2022-10-23T20:12:20.712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22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769B68ED-502A-4DFE-8861-32F14D0ADE37}" dt="2022-10-23T20:12:20.722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32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769B68ED-502A-4DFE-8861-32F14D0ADE37}" dt="2022-10-23T20:12:20.732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42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769B68ED-502A-4DFE-8861-32F14D0ADE37}" dt="2022-10-23T20:12:20.742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52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769B68ED-502A-4DFE-8861-32F14D0ADE37}" dt="2022-10-23T20:12:20.752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61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769B68ED-502A-4DFE-8861-32F14D0ADE37}" dt="2022-10-23T20:12:20.761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81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769B68ED-502A-4DFE-8861-32F14D0ADE37}" dt="2022-10-23T20:12:20.781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BB02C5A2-13FC-47FA-AC72-76DA72E7CE2E}"/>
    <pc:docChg chg="custSel modMainMaster">
      <pc:chgData name="Merve Turhan" userId="3594cd17-5953-4511-8d53-8cfc799250e7" providerId="ADAL" clId="{BB02C5A2-13FC-47FA-AC72-76DA72E7CE2E}" dt="2023-06-13T10:22:51.529" v="163" actId="20577"/>
      <pc:docMkLst>
        <pc:docMk/>
      </pc:docMkLst>
      <pc:sldMasterChg chg="modSldLayout">
        <pc:chgData name="Merve Turhan" userId="3594cd17-5953-4511-8d53-8cfc799250e7" providerId="ADAL" clId="{BB02C5A2-13FC-47FA-AC72-76DA72E7CE2E}" dt="2023-06-13T10:22:51.529" v="163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BB02C5A2-13FC-47FA-AC72-76DA72E7CE2E}" dt="2023-06-13T10:22:51.184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BB02C5A2-13FC-47FA-AC72-76DA72E7CE2E}" dt="2023-06-13T10:22:51.184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01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BB02C5A2-13FC-47FA-AC72-76DA72E7CE2E}" dt="2023-06-13T10:22:51.201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05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BB02C5A2-13FC-47FA-AC72-76DA72E7CE2E}" dt="2023-06-13T10:22:51.205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14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BB02C5A2-13FC-47FA-AC72-76DA72E7CE2E}" dt="2023-06-13T10:22:51.214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23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BB02C5A2-13FC-47FA-AC72-76DA72E7CE2E}" dt="2023-06-13T10:22:51.223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27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BB02C5A2-13FC-47FA-AC72-76DA72E7CE2E}" dt="2023-06-13T10:22:51.227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36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BB02C5A2-13FC-47FA-AC72-76DA72E7CE2E}" dt="2023-06-13T10:22:51.236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49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BB02C5A2-13FC-47FA-AC72-76DA72E7CE2E}" dt="2023-06-13T10:22:51.249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58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BB02C5A2-13FC-47FA-AC72-76DA72E7CE2E}" dt="2023-06-13T10:22:51.258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63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BB02C5A2-13FC-47FA-AC72-76DA72E7CE2E}" dt="2023-06-13T10:22:51.263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71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BB02C5A2-13FC-47FA-AC72-76DA72E7CE2E}" dt="2023-06-13T10:22:51.271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84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BB02C5A2-13FC-47FA-AC72-76DA72E7CE2E}" dt="2023-06-13T10:22:51.284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49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BB02C5A2-13FC-47FA-AC72-76DA72E7CE2E}" dt="2023-06-13T10:22:51.349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16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BB02C5A2-13FC-47FA-AC72-76DA72E7CE2E}" dt="2023-06-13T10:22:51.416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21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BB02C5A2-13FC-47FA-AC72-76DA72E7CE2E}" dt="2023-06-13T10:22:51.421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79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BB02C5A2-13FC-47FA-AC72-76DA72E7CE2E}" dt="2023-06-13T10:22:51.479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90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BB02C5A2-13FC-47FA-AC72-76DA72E7CE2E}" dt="2023-06-13T10:22:51.490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98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BB02C5A2-13FC-47FA-AC72-76DA72E7CE2E}" dt="2023-06-13T10:22:51.498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509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BB02C5A2-13FC-47FA-AC72-76DA72E7CE2E}" dt="2023-06-13T10:22:51.509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529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BB02C5A2-13FC-47FA-AC72-76DA72E7CE2E}" dt="2023-06-13T10:22:51.529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71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BB02C5A2-13FC-47FA-AC72-76DA72E7CE2E}" dt="2023-06-13T10:22:51.371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83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BB02C5A2-13FC-47FA-AC72-76DA72E7CE2E}" dt="2023-06-13T10:22:51.383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93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BB02C5A2-13FC-47FA-AC72-76DA72E7CE2E}" dt="2023-06-13T10:22:51.393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00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BB02C5A2-13FC-47FA-AC72-76DA72E7CE2E}" dt="2023-06-13T10:22:51.400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34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BB02C5A2-13FC-47FA-AC72-76DA72E7CE2E}" dt="2023-06-13T10:22:51.434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44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BB02C5A2-13FC-47FA-AC72-76DA72E7CE2E}" dt="2023-06-13T10:22:51.444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52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BB02C5A2-13FC-47FA-AC72-76DA72E7CE2E}" dt="2023-06-13T10:22:51.452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59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BB02C5A2-13FC-47FA-AC72-76DA72E7CE2E}" dt="2023-06-13T10:22:51.459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518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BB02C5A2-13FC-47FA-AC72-76DA72E7CE2E}" dt="2023-06-13T10:22:51.518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80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BB02C5A2-13FC-47FA-AC72-76DA72E7CE2E}" dt="2023-06-13T10:22:51.280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193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BB02C5A2-13FC-47FA-AC72-76DA72E7CE2E}" dt="2023-06-13T10:22:51.193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62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BB02C5A2-13FC-47FA-AC72-76DA72E7CE2E}" dt="2023-06-13T10:22:51.362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68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BB02C5A2-13FC-47FA-AC72-76DA72E7CE2E}" dt="2023-06-13T10:22:51.468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92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BB02C5A2-13FC-47FA-AC72-76DA72E7CE2E}" dt="2023-06-13T10:22:51.292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96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BB02C5A2-13FC-47FA-AC72-76DA72E7CE2E}" dt="2023-06-13T10:22:51.296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06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BB02C5A2-13FC-47FA-AC72-76DA72E7CE2E}" dt="2023-06-13T10:22:51.306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10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BB02C5A2-13FC-47FA-AC72-76DA72E7CE2E}" dt="2023-06-13T10:22:51.310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21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BB02C5A2-13FC-47FA-AC72-76DA72E7CE2E}" dt="2023-06-13T10:22:51.321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31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BB02C5A2-13FC-47FA-AC72-76DA72E7CE2E}" dt="2023-06-13T10:22:51.331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40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BB02C5A2-13FC-47FA-AC72-76DA72E7CE2E}" dt="2023-06-13T10:22:51.340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53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BB02C5A2-13FC-47FA-AC72-76DA72E7CE2E}" dt="2023-06-13T10:22:51.353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Christoph Baumann" userId="S::christoph.baumann@ericsson.com::9bea4e68-2bd1-408a-887a-10278fa030e6" providerId="AD" clId="Web-{DEDAFF67-0363-425B-A01D-FDD15A5BBF07}"/>
    <pc:docChg chg="mod modSld">
      <pc:chgData name="Christoph Baumann" userId="S::christoph.baumann@ericsson.com::9bea4e68-2bd1-408a-887a-10278fa030e6" providerId="AD" clId="Web-{DEDAFF67-0363-425B-A01D-FDD15A5BBF07}" dt="2023-10-13T13:11:53.840" v="20"/>
      <pc:docMkLst>
        <pc:docMk/>
      </pc:docMkLst>
      <pc:sldChg chg="addCm">
        <pc:chgData name="Christoph Baumann" userId="S::christoph.baumann@ericsson.com::9bea4e68-2bd1-408a-887a-10278fa030e6" providerId="AD" clId="Web-{DEDAFF67-0363-425B-A01D-FDD15A5BBF07}" dt="2023-10-13T13:06:15.867" v="3"/>
        <pc:sldMkLst>
          <pc:docMk/>
          <pc:sldMk cId="2892264309" sldId="539"/>
        </pc:sldMkLst>
      </pc:sldChg>
      <pc:sldChg chg="modSp addCm">
        <pc:chgData name="Christoph Baumann" userId="S::christoph.baumann@ericsson.com::9bea4e68-2bd1-408a-887a-10278fa030e6" providerId="AD" clId="Web-{DEDAFF67-0363-425B-A01D-FDD15A5BBF07}" dt="2023-10-13T13:09:30.057" v="19" actId="20577"/>
        <pc:sldMkLst>
          <pc:docMk/>
          <pc:sldMk cId="4137661547" sldId="591"/>
        </pc:sldMkLst>
        <pc:spChg chg="mod">
          <ac:chgData name="Christoph Baumann" userId="S::christoph.baumann@ericsson.com::9bea4e68-2bd1-408a-887a-10278fa030e6" providerId="AD" clId="Web-{DEDAFF67-0363-425B-A01D-FDD15A5BBF07}" dt="2023-10-13T13:09:30.057" v="19" actId="20577"/>
          <ac:spMkLst>
            <pc:docMk/>
            <pc:sldMk cId="4137661547" sldId="591"/>
            <ac:spMk id="6" creationId="{0D487DE5-04F4-91EB-74C9-157C8B9CA4CF}"/>
          </ac:spMkLst>
        </pc:spChg>
        <pc:spChg chg="mod">
          <ac:chgData name="Christoph Baumann" userId="S::christoph.baumann@ericsson.com::9bea4e68-2bd1-408a-887a-10278fa030e6" providerId="AD" clId="Web-{DEDAFF67-0363-425B-A01D-FDD15A5BBF07}" dt="2023-10-13T13:09:07.056" v="17" actId="20577"/>
          <ac:spMkLst>
            <pc:docMk/>
            <pc:sldMk cId="4137661547" sldId="591"/>
            <ac:spMk id="9" creationId="{B5F695DF-14A0-174C-8417-CF2208BE0F43}"/>
          </ac:spMkLst>
        </pc:spChg>
      </pc:sldChg>
      <pc:sldChg chg="addCm">
        <pc:chgData name="Christoph Baumann" userId="S::christoph.baumann@ericsson.com::9bea4e68-2bd1-408a-887a-10278fa030e6" providerId="AD" clId="Web-{DEDAFF67-0363-425B-A01D-FDD15A5BBF07}" dt="2023-10-13T13:11:53.840" v="20"/>
        <pc:sldMkLst>
          <pc:docMk/>
          <pc:sldMk cId="1491702298" sldId="594"/>
        </pc:sldMkLst>
      </pc:sldChg>
      <pc:sldChg chg="addCm modCm">
        <pc:chgData name="Christoph Baumann" userId="S::christoph.baumann@ericsson.com::9bea4e68-2bd1-408a-887a-10278fa030e6" providerId="AD" clId="Web-{DEDAFF67-0363-425B-A01D-FDD15A5BBF07}" dt="2023-10-13T13:04:17.553" v="2"/>
        <pc:sldMkLst>
          <pc:docMk/>
          <pc:sldMk cId="4193420268" sldId="596"/>
        </pc:sldMkLst>
      </pc:sldChg>
    </pc:docChg>
  </pc:docChgLst>
  <pc:docChgLst>
    <pc:chgData name="Thomas Nyman" userId="S::thomas.nyman@ericsson.com::ac62be27-690b-42bb-ae39-d787d15a1823" providerId="AD" clId="Web-{B76B82B9-CBFB-4F5B-A77C-2029D824ECF0}"/>
    <pc:docChg chg="modSld">
      <pc:chgData name="Thomas Nyman" userId="S::thomas.nyman@ericsson.com::ac62be27-690b-42bb-ae39-d787d15a1823" providerId="AD" clId="Web-{B76B82B9-CBFB-4F5B-A77C-2029D824ECF0}" dt="2022-06-17T10:16:43.722" v="1"/>
      <pc:docMkLst>
        <pc:docMk/>
      </pc:docMkLst>
      <pc:sldChg chg="addSp delSp modSp">
        <pc:chgData name="Thomas Nyman" userId="S::thomas.nyman@ericsson.com::ac62be27-690b-42bb-ae39-d787d15a1823" providerId="AD" clId="Web-{B76B82B9-CBFB-4F5B-A77C-2029D824ECF0}" dt="2022-06-17T10:16:43.722" v="1"/>
        <pc:sldMkLst>
          <pc:docMk/>
          <pc:sldMk cId="3956666210" sldId="573"/>
        </pc:sldMkLst>
        <pc:picChg chg="add del mod">
          <ac:chgData name="Thomas Nyman" userId="S::thomas.nyman@ericsson.com::ac62be27-690b-42bb-ae39-d787d15a1823" providerId="AD" clId="Web-{B76B82B9-CBFB-4F5B-A77C-2029D824ECF0}" dt="2022-06-17T10:16:43.722" v="1"/>
          <ac:picMkLst>
            <pc:docMk/>
            <pc:sldMk cId="3956666210" sldId="573"/>
            <ac:picMk id="5" creationId="{765B6613-1551-1327-BA8F-B92131437E81}"/>
          </ac:picMkLst>
        </pc:picChg>
      </pc:sldChg>
    </pc:docChg>
  </pc:docChgLst>
  <pc:docChgLst>
    <pc:chgData name="Merve Turhan" userId="3594cd17-5953-4511-8d53-8cfc799250e7" providerId="ADAL" clId="{6787A6CD-757A-4AF4-B90D-DA87CEE0FAFD}"/>
    <pc:docChg chg="custSel modSld modMainMaster">
      <pc:chgData name="Merve Turhan" userId="3594cd17-5953-4511-8d53-8cfc799250e7" providerId="ADAL" clId="{6787A6CD-757A-4AF4-B90D-DA87CEE0FAFD}" dt="2022-06-07T16:20:48.506" v="176" actId="20577"/>
      <pc:docMkLst>
        <pc:docMk/>
      </pc:docMkLst>
      <pc:sldChg chg="modNotesTx">
        <pc:chgData name="Merve Turhan" userId="3594cd17-5953-4511-8d53-8cfc799250e7" providerId="ADAL" clId="{6787A6CD-757A-4AF4-B90D-DA87CEE0FAFD}" dt="2022-06-07T13:09:54.798" v="168" actId="20577"/>
        <pc:sldMkLst>
          <pc:docMk/>
          <pc:sldMk cId="2013701143" sldId="279"/>
        </pc:sldMkLst>
      </pc:sldChg>
      <pc:sldChg chg="modSp modAnim">
        <pc:chgData name="Merve Turhan" userId="3594cd17-5953-4511-8d53-8cfc799250e7" providerId="ADAL" clId="{6787A6CD-757A-4AF4-B90D-DA87CEE0FAFD}" dt="2022-06-03T12:21:01.691" v="165" actId="20577"/>
        <pc:sldMkLst>
          <pc:docMk/>
          <pc:sldMk cId="3437026346" sldId="501"/>
        </pc:sldMkLst>
        <pc:spChg chg="mod">
          <ac:chgData name="Merve Turhan" userId="3594cd17-5953-4511-8d53-8cfc799250e7" providerId="ADAL" clId="{6787A6CD-757A-4AF4-B90D-DA87CEE0FAFD}" dt="2022-06-03T12:20:58.862" v="164" actId="20577"/>
          <ac:spMkLst>
            <pc:docMk/>
            <pc:sldMk cId="3437026346" sldId="501"/>
            <ac:spMk id="5" creationId="{393A08AF-E8DD-44C5-A85C-B1192DD283A4}"/>
          </ac:spMkLst>
        </pc:spChg>
      </pc:sldChg>
      <pc:sldChg chg="modSp mod">
        <pc:chgData name="Merve Turhan" userId="3594cd17-5953-4511-8d53-8cfc799250e7" providerId="ADAL" clId="{6787A6CD-757A-4AF4-B90D-DA87CEE0FAFD}" dt="2022-06-07T13:41:31.774" v="169" actId="1076"/>
        <pc:sldMkLst>
          <pc:docMk/>
          <pc:sldMk cId="2918085937" sldId="541"/>
        </pc:sldMkLst>
        <pc:spChg chg="mod">
          <ac:chgData name="Merve Turhan" userId="3594cd17-5953-4511-8d53-8cfc799250e7" providerId="ADAL" clId="{6787A6CD-757A-4AF4-B90D-DA87CEE0FAFD}" dt="2022-06-07T13:41:31.774" v="169" actId="1076"/>
          <ac:spMkLst>
            <pc:docMk/>
            <pc:sldMk cId="2918085937" sldId="541"/>
            <ac:spMk id="59" creationId="{F548E0F5-F8A3-4811-AD20-1446DF1944DB}"/>
          </ac:spMkLst>
        </pc:spChg>
      </pc:sldChg>
      <pc:sldChg chg="modSp mod">
        <pc:chgData name="Merve Turhan" userId="3594cd17-5953-4511-8d53-8cfc799250e7" providerId="ADAL" clId="{6787A6CD-757A-4AF4-B90D-DA87CEE0FAFD}" dt="2022-06-07T16:20:48.506" v="176" actId="20577"/>
        <pc:sldMkLst>
          <pc:docMk/>
          <pc:sldMk cId="1011689581" sldId="563"/>
        </pc:sldMkLst>
        <pc:spChg chg="mod">
          <ac:chgData name="Merve Turhan" userId="3594cd17-5953-4511-8d53-8cfc799250e7" providerId="ADAL" clId="{6787A6CD-757A-4AF4-B90D-DA87CEE0FAFD}" dt="2022-06-07T16:20:48.506" v="176" actId="20577"/>
          <ac:spMkLst>
            <pc:docMk/>
            <pc:sldMk cId="1011689581" sldId="563"/>
            <ac:spMk id="2" creationId="{7F6CAF61-42F7-45B2-9E9F-91BF847B1E92}"/>
          </ac:spMkLst>
        </pc:spChg>
      </pc:sldChg>
      <pc:sldMasterChg chg="modSldLayout">
        <pc:chgData name="Merve Turhan" userId="3594cd17-5953-4511-8d53-8cfc799250e7" providerId="ADAL" clId="{6787A6CD-757A-4AF4-B90D-DA87CEE0FAFD}" dt="2022-06-01T21:20:17.924" v="163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6787A6CD-757A-4AF4-B90D-DA87CEE0FAFD}" dt="2022-06-01T21:20:17.597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6787A6CD-757A-4AF4-B90D-DA87CEE0FAFD}" dt="2022-06-01T21:20:17.597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14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6787A6CD-757A-4AF4-B90D-DA87CEE0FAFD}" dt="2022-06-01T21:20:17.614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24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6787A6CD-757A-4AF4-B90D-DA87CEE0FAFD}" dt="2022-06-01T21:20:17.624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33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6787A6CD-757A-4AF4-B90D-DA87CEE0FAFD}" dt="2022-06-01T21:20:17.633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37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6787A6CD-757A-4AF4-B90D-DA87CEE0FAFD}" dt="2022-06-01T21:20:17.637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49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6787A6CD-757A-4AF4-B90D-DA87CEE0FAFD}" dt="2022-06-01T21:20:17.649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59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6787A6CD-757A-4AF4-B90D-DA87CEE0FAFD}" dt="2022-06-01T21:20:17.659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67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6787A6CD-757A-4AF4-B90D-DA87CEE0FAFD}" dt="2022-06-01T21:20:17.667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75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6787A6CD-757A-4AF4-B90D-DA87CEE0FAFD}" dt="2022-06-01T21:20:17.675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85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6787A6CD-757A-4AF4-B90D-DA87CEE0FAFD}" dt="2022-06-01T21:20:17.685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92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6787A6CD-757A-4AF4-B90D-DA87CEE0FAFD}" dt="2022-06-01T21:20:17.692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13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6787A6CD-757A-4AF4-B90D-DA87CEE0FAFD}" dt="2022-06-01T21:20:17.713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86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6787A6CD-757A-4AF4-B90D-DA87CEE0FAFD}" dt="2022-06-01T21:20:17.786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30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6787A6CD-757A-4AF4-B90D-DA87CEE0FAFD}" dt="2022-06-01T21:20:17.830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30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6787A6CD-757A-4AF4-B90D-DA87CEE0FAFD}" dt="2022-06-01T21:20:17.830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91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6787A6CD-757A-4AF4-B90D-DA87CEE0FAFD}" dt="2022-06-01T21:20:17.891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91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6787A6CD-757A-4AF4-B90D-DA87CEE0FAFD}" dt="2022-06-01T21:20:17.891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91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6787A6CD-757A-4AF4-B90D-DA87CEE0FAFD}" dt="2022-06-01T21:20:17.891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908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6787A6CD-757A-4AF4-B90D-DA87CEE0FAFD}" dt="2022-06-01T21:20:17.908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924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6787A6CD-757A-4AF4-B90D-DA87CEE0FAFD}" dt="2022-06-01T21:20:17.924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08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6787A6CD-757A-4AF4-B90D-DA87CEE0FAFD}" dt="2022-06-01T21:20:17.808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13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6787A6CD-757A-4AF4-B90D-DA87CEE0FAFD}" dt="2022-06-01T21:20:17.813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13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6787A6CD-757A-4AF4-B90D-DA87CEE0FAFD}" dt="2022-06-01T21:20:17.813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30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6787A6CD-757A-4AF4-B90D-DA87CEE0FAFD}" dt="2022-06-01T21:20:17.830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51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6787A6CD-757A-4AF4-B90D-DA87CEE0FAFD}" dt="2022-06-01T21:20:17.851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57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6787A6CD-757A-4AF4-B90D-DA87CEE0FAFD}" dt="2022-06-01T21:20:17.857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65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6787A6CD-757A-4AF4-B90D-DA87CEE0FAFD}" dt="2022-06-01T21:20:17.865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65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6787A6CD-757A-4AF4-B90D-DA87CEE0FAFD}" dt="2022-06-01T21:20:17.865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908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6787A6CD-757A-4AF4-B90D-DA87CEE0FAFD}" dt="2022-06-01T21:20:17.908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03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6787A6CD-757A-4AF4-B90D-DA87CEE0FAFD}" dt="2022-06-01T21:20:17.703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06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6787A6CD-757A-4AF4-B90D-DA87CEE0FAFD}" dt="2022-06-01T21:20:17.606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99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6787A6CD-757A-4AF4-B90D-DA87CEE0FAFD}" dt="2022-06-01T21:20:17.799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81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6787A6CD-757A-4AF4-B90D-DA87CEE0FAFD}" dt="2022-06-01T21:20:17.881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22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6787A6CD-757A-4AF4-B90D-DA87CEE0FAFD}" dt="2022-06-01T21:20:17.722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29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6787A6CD-757A-4AF4-B90D-DA87CEE0FAFD}" dt="2022-06-01T21:20:17.729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29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6787A6CD-757A-4AF4-B90D-DA87CEE0FAFD}" dt="2022-06-01T21:20:17.729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47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6787A6CD-757A-4AF4-B90D-DA87CEE0FAFD}" dt="2022-06-01T21:20:17.747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62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6787A6CD-757A-4AF4-B90D-DA87CEE0FAFD}" dt="2022-06-01T21:20:17.762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62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6787A6CD-757A-4AF4-B90D-DA87CEE0FAFD}" dt="2022-06-01T21:20:17.762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62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6787A6CD-757A-4AF4-B90D-DA87CEE0FAFD}" dt="2022-06-01T21:20:17.762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91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6787A6CD-757A-4AF4-B90D-DA87CEE0FAFD}" dt="2022-06-01T21:20:17.791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Christoph Baumann" userId="9bea4e68-2bd1-408a-887a-10278fa030e6" providerId="ADAL" clId="{35EF7EF8-9F82-45BF-9118-CA4AF3DCA334}"/>
    <pc:docChg chg="custSel modMainMaster">
      <pc:chgData name="Christoph Baumann" userId="9bea4e68-2bd1-408a-887a-10278fa030e6" providerId="ADAL" clId="{35EF7EF8-9F82-45BF-9118-CA4AF3DCA334}" dt="2022-06-09T20:57:26.319" v="163" actId="20577"/>
      <pc:docMkLst>
        <pc:docMk/>
      </pc:docMkLst>
      <pc:sldMasterChg chg="modSldLayout">
        <pc:chgData name="Christoph Baumann" userId="9bea4e68-2bd1-408a-887a-10278fa030e6" providerId="ADAL" clId="{35EF7EF8-9F82-45BF-9118-CA4AF3DCA334}" dt="2022-06-09T20:57:26.319" v="163" actId="20577"/>
        <pc:sldMasterMkLst>
          <pc:docMk/>
          <pc:sldMasterMk cId="2523064765" sldId="2147483660"/>
        </pc:sldMasterMkLst>
        <pc:sldLayoutChg chg="modSp mod">
          <pc:chgData name="Christoph Baumann" userId="9bea4e68-2bd1-408a-887a-10278fa030e6" providerId="ADAL" clId="{35EF7EF8-9F82-45BF-9118-CA4AF3DCA334}" dt="2022-06-09T20:57:25.834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Christoph Baumann" userId="9bea4e68-2bd1-408a-887a-10278fa030e6" providerId="ADAL" clId="{35EF7EF8-9F82-45BF-9118-CA4AF3DCA334}" dt="2022-06-09T20:57:25.834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849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Christoph Baumann" userId="9bea4e68-2bd1-408a-887a-10278fa030e6" providerId="ADAL" clId="{35EF7EF8-9F82-45BF-9118-CA4AF3DCA334}" dt="2022-06-09T20:57:25.849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865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Christoph Baumann" userId="9bea4e68-2bd1-408a-887a-10278fa030e6" providerId="ADAL" clId="{35EF7EF8-9F82-45BF-9118-CA4AF3DCA334}" dt="2022-06-09T20:57:25.865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890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Christoph Baumann" userId="9bea4e68-2bd1-408a-887a-10278fa030e6" providerId="ADAL" clId="{35EF7EF8-9F82-45BF-9118-CA4AF3DCA334}" dt="2022-06-09T20:57:25.890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06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Christoph Baumann" userId="9bea4e68-2bd1-408a-887a-10278fa030e6" providerId="ADAL" clId="{35EF7EF8-9F82-45BF-9118-CA4AF3DCA334}" dt="2022-06-09T20:57:25.906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18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Christoph Baumann" userId="9bea4e68-2bd1-408a-887a-10278fa030e6" providerId="ADAL" clId="{35EF7EF8-9F82-45BF-9118-CA4AF3DCA334}" dt="2022-06-09T20:57:25.918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34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Christoph Baumann" userId="9bea4e68-2bd1-408a-887a-10278fa030e6" providerId="ADAL" clId="{35EF7EF8-9F82-45BF-9118-CA4AF3DCA334}" dt="2022-06-09T20:57:25.934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50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Christoph Baumann" userId="9bea4e68-2bd1-408a-887a-10278fa030e6" providerId="ADAL" clId="{35EF7EF8-9F82-45BF-9118-CA4AF3DCA334}" dt="2022-06-09T20:57:25.950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50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Christoph Baumann" userId="9bea4e68-2bd1-408a-887a-10278fa030e6" providerId="ADAL" clId="{35EF7EF8-9F82-45BF-9118-CA4AF3DCA334}" dt="2022-06-09T20:57:25.950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65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Christoph Baumann" userId="9bea4e68-2bd1-408a-887a-10278fa030e6" providerId="ADAL" clId="{35EF7EF8-9F82-45BF-9118-CA4AF3DCA334}" dt="2022-06-09T20:57:25.965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81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Christoph Baumann" userId="9bea4e68-2bd1-408a-887a-10278fa030e6" providerId="ADAL" clId="{35EF7EF8-9F82-45BF-9118-CA4AF3DCA334}" dt="2022-06-09T20:57:25.981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99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Christoph Baumann" userId="9bea4e68-2bd1-408a-887a-10278fa030e6" providerId="ADAL" clId="{35EF7EF8-9F82-45BF-9118-CA4AF3DCA334}" dt="2022-06-09T20:57:25.999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96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Christoph Baumann" userId="9bea4e68-2bd1-408a-887a-10278fa030e6" providerId="ADAL" clId="{35EF7EF8-9F82-45BF-9118-CA4AF3DCA334}" dt="2022-06-09T20:57:26.096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97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Christoph Baumann" userId="9bea4e68-2bd1-408a-887a-10278fa030e6" providerId="ADAL" clId="{35EF7EF8-9F82-45BF-9118-CA4AF3DCA334}" dt="2022-06-09T20:57:26.197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97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Christoph Baumann" userId="9bea4e68-2bd1-408a-887a-10278fa030e6" providerId="ADAL" clId="{35EF7EF8-9F82-45BF-9118-CA4AF3DCA334}" dt="2022-06-09T20:57:26.197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64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Christoph Baumann" userId="9bea4e68-2bd1-408a-887a-10278fa030e6" providerId="ADAL" clId="{35EF7EF8-9F82-45BF-9118-CA4AF3DCA334}" dt="2022-06-09T20:57:26.264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79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Christoph Baumann" userId="9bea4e68-2bd1-408a-887a-10278fa030e6" providerId="ADAL" clId="{35EF7EF8-9F82-45BF-9118-CA4AF3DCA334}" dt="2022-06-09T20:57:26.279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95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Christoph Baumann" userId="9bea4e68-2bd1-408a-887a-10278fa030e6" providerId="ADAL" clId="{35EF7EF8-9F82-45BF-9118-CA4AF3DCA334}" dt="2022-06-09T20:57:26.295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95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Christoph Baumann" userId="9bea4e68-2bd1-408a-887a-10278fa030e6" providerId="ADAL" clId="{35EF7EF8-9F82-45BF-9118-CA4AF3DCA334}" dt="2022-06-09T20:57:26.295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319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Christoph Baumann" userId="9bea4e68-2bd1-408a-887a-10278fa030e6" providerId="ADAL" clId="{35EF7EF8-9F82-45BF-9118-CA4AF3DCA334}" dt="2022-06-09T20:57:26.319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34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Christoph Baumann" userId="9bea4e68-2bd1-408a-887a-10278fa030e6" providerId="ADAL" clId="{35EF7EF8-9F82-45BF-9118-CA4AF3DCA334}" dt="2022-06-09T20:57:26.134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50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Christoph Baumann" userId="9bea4e68-2bd1-408a-887a-10278fa030e6" providerId="ADAL" clId="{35EF7EF8-9F82-45BF-9118-CA4AF3DCA334}" dt="2022-06-09T20:57:26.150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66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Christoph Baumann" userId="9bea4e68-2bd1-408a-887a-10278fa030e6" providerId="ADAL" clId="{35EF7EF8-9F82-45BF-9118-CA4AF3DCA334}" dt="2022-06-09T20:57:26.166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81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Christoph Baumann" userId="9bea4e68-2bd1-408a-887a-10278fa030e6" providerId="ADAL" clId="{35EF7EF8-9F82-45BF-9118-CA4AF3DCA334}" dt="2022-06-09T20:57:26.181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19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Christoph Baumann" userId="9bea4e68-2bd1-408a-887a-10278fa030e6" providerId="ADAL" clId="{35EF7EF8-9F82-45BF-9118-CA4AF3DCA334}" dt="2022-06-09T20:57:26.219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34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Christoph Baumann" userId="9bea4e68-2bd1-408a-887a-10278fa030e6" providerId="ADAL" clId="{35EF7EF8-9F82-45BF-9118-CA4AF3DCA334}" dt="2022-06-09T20:57:26.234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45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Christoph Baumann" userId="9bea4e68-2bd1-408a-887a-10278fa030e6" providerId="ADAL" clId="{35EF7EF8-9F82-45BF-9118-CA4AF3DCA334}" dt="2022-06-09T20:57:26.245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55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Christoph Baumann" userId="9bea4e68-2bd1-408a-887a-10278fa030e6" providerId="ADAL" clId="{35EF7EF8-9F82-45BF-9118-CA4AF3DCA334}" dt="2022-06-09T20:57:26.255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311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Christoph Baumann" userId="9bea4e68-2bd1-408a-887a-10278fa030e6" providerId="ADAL" clId="{35EF7EF8-9F82-45BF-9118-CA4AF3DCA334}" dt="2022-06-09T20:57:26.311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99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Christoph Baumann" userId="9bea4e68-2bd1-408a-887a-10278fa030e6" providerId="ADAL" clId="{35EF7EF8-9F82-45BF-9118-CA4AF3DCA334}" dt="2022-06-09T20:57:25.999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834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Christoph Baumann" userId="9bea4e68-2bd1-408a-887a-10278fa030e6" providerId="ADAL" clId="{35EF7EF8-9F82-45BF-9118-CA4AF3DCA334}" dt="2022-06-09T20:57:25.834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19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Christoph Baumann" userId="9bea4e68-2bd1-408a-887a-10278fa030e6" providerId="ADAL" clId="{35EF7EF8-9F82-45BF-9118-CA4AF3DCA334}" dt="2022-06-09T20:57:26.119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64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Christoph Baumann" userId="9bea4e68-2bd1-408a-887a-10278fa030e6" providerId="ADAL" clId="{35EF7EF8-9F82-45BF-9118-CA4AF3DCA334}" dt="2022-06-09T20:57:26.264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19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Christoph Baumann" userId="9bea4e68-2bd1-408a-887a-10278fa030e6" providerId="ADAL" clId="{35EF7EF8-9F82-45BF-9118-CA4AF3DCA334}" dt="2022-06-09T20:57:26.019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19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Christoph Baumann" userId="9bea4e68-2bd1-408a-887a-10278fa030e6" providerId="ADAL" clId="{35EF7EF8-9F82-45BF-9118-CA4AF3DCA334}" dt="2022-06-09T20:57:26.019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34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Christoph Baumann" userId="9bea4e68-2bd1-408a-887a-10278fa030e6" providerId="ADAL" clId="{35EF7EF8-9F82-45BF-9118-CA4AF3DCA334}" dt="2022-06-09T20:57:26.034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55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Christoph Baumann" userId="9bea4e68-2bd1-408a-887a-10278fa030e6" providerId="ADAL" clId="{35EF7EF8-9F82-45BF-9118-CA4AF3DCA334}" dt="2022-06-09T20:57:26.055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65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Christoph Baumann" userId="9bea4e68-2bd1-408a-887a-10278fa030e6" providerId="ADAL" clId="{35EF7EF8-9F82-45BF-9118-CA4AF3DCA334}" dt="2022-06-09T20:57:26.065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77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Christoph Baumann" userId="9bea4e68-2bd1-408a-887a-10278fa030e6" providerId="ADAL" clId="{35EF7EF8-9F82-45BF-9118-CA4AF3DCA334}" dt="2022-06-09T20:57:26.077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80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Christoph Baumann" userId="9bea4e68-2bd1-408a-887a-10278fa030e6" providerId="ADAL" clId="{35EF7EF8-9F82-45BF-9118-CA4AF3DCA334}" dt="2022-06-09T20:57:26.080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12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Christoph Baumann" userId="9bea4e68-2bd1-408a-887a-10278fa030e6" providerId="ADAL" clId="{35EF7EF8-9F82-45BF-9118-CA4AF3DCA334}" dt="2022-06-09T20:57:26.112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01E56475-575D-4CD2-B720-B8D0ED314503}"/>
    <pc:docChg chg="undo redo custSel addSld delSld modSld sldOrd modMainMaster">
      <pc:chgData name="Merve Turhan" userId="3594cd17-5953-4511-8d53-8cfc799250e7" providerId="ADAL" clId="{01E56475-575D-4CD2-B720-B8D0ED314503}" dt="2022-03-25T16:19:17.871" v="15584" actId="20577"/>
      <pc:docMkLst>
        <pc:docMk/>
      </pc:docMkLst>
      <pc:sldChg chg="modSp del mod">
        <pc:chgData name="Merve Turhan" userId="3594cd17-5953-4511-8d53-8cfc799250e7" providerId="ADAL" clId="{01E56475-575D-4CD2-B720-B8D0ED314503}" dt="2022-02-21T21:36:42.620" v="3688" actId="47"/>
        <pc:sldMkLst>
          <pc:docMk/>
          <pc:sldMk cId="1383928708" sldId="261"/>
        </pc:sldMkLst>
        <pc:spChg chg="mod">
          <ac:chgData name="Merve Turhan" userId="3594cd17-5953-4511-8d53-8cfc799250e7" providerId="ADAL" clId="{01E56475-575D-4CD2-B720-B8D0ED314503}" dt="2022-02-21T13:07:03.459" v="1505" actId="790"/>
          <ac:spMkLst>
            <pc:docMk/>
            <pc:sldMk cId="1383928708" sldId="261"/>
            <ac:spMk id="4" creationId="{6FF69E04-8523-4965-90ED-73D4F9BAE271}"/>
          </ac:spMkLst>
        </pc:spChg>
      </pc:sldChg>
      <pc:sldChg chg="addSp delSp modSp mod modNotesTx">
        <pc:chgData name="Merve Turhan" userId="3594cd17-5953-4511-8d53-8cfc799250e7" providerId="ADAL" clId="{01E56475-575D-4CD2-B720-B8D0ED314503}" dt="2022-02-23T22:51:00.657" v="13128" actId="14100"/>
        <pc:sldMkLst>
          <pc:docMk/>
          <pc:sldMk cId="2230748882" sldId="271"/>
        </pc:sldMkLst>
        <pc:spChg chg="mod">
          <ac:chgData name="Merve Turhan" userId="3594cd17-5953-4511-8d53-8cfc799250e7" providerId="ADAL" clId="{01E56475-575D-4CD2-B720-B8D0ED314503}" dt="2022-02-23T22:51:00.657" v="13128" actId="14100"/>
          <ac:spMkLst>
            <pc:docMk/>
            <pc:sldMk cId="2230748882" sldId="271"/>
            <ac:spMk id="3" creationId="{17D5CE7D-CCF0-44B0-843A-8D46859C44EE}"/>
          </ac:spMkLst>
        </pc:spChg>
        <pc:spChg chg="del mod">
          <ac:chgData name="Merve Turhan" userId="3594cd17-5953-4511-8d53-8cfc799250e7" providerId="ADAL" clId="{01E56475-575D-4CD2-B720-B8D0ED314503}" dt="2022-02-22T10:31:35.080" v="8631" actId="478"/>
          <ac:spMkLst>
            <pc:docMk/>
            <pc:sldMk cId="2230748882" sldId="271"/>
            <ac:spMk id="4" creationId="{6A927E07-3624-45B8-934B-C229726CA813}"/>
          </ac:spMkLst>
        </pc:spChg>
        <pc:spChg chg="mod">
          <ac:chgData name="Merve Turhan" userId="3594cd17-5953-4511-8d53-8cfc799250e7" providerId="ADAL" clId="{01E56475-575D-4CD2-B720-B8D0ED314503}" dt="2022-02-23T18:30:59.695" v="11361" actId="790"/>
          <ac:spMkLst>
            <pc:docMk/>
            <pc:sldMk cId="2230748882" sldId="271"/>
            <ac:spMk id="5" creationId="{0D8DE8B4-7BAB-4C18-A0E5-01D3A11D374F}"/>
          </ac:spMkLst>
        </pc:spChg>
        <pc:spChg chg="mod">
          <ac:chgData name="Merve Turhan" userId="3594cd17-5953-4511-8d53-8cfc799250e7" providerId="ADAL" clId="{01E56475-575D-4CD2-B720-B8D0ED314503}" dt="2022-02-23T18:30:59.697" v="11362" actId="790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Merve Turhan" userId="3594cd17-5953-4511-8d53-8cfc799250e7" providerId="ADAL" clId="{01E56475-575D-4CD2-B720-B8D0ED314503}" dt="2022-02-23T18:30:59.698" v="11363" actId="790"/>
          <ac:spMkLst>
            <pc:docMk/>
            <pc:sldMk cId="2230748882" sldId="271"/>
            <ac:spMk id="7" creationId="{0BF70DC3-66C9-451C-917E-BA44956D1DBD}"/>
          </ac:spMkLst>
        </pc:spChg>
        <pc:spChg chg="add del mod">
          <ac:chgData name="Merve Turhan" userId="3594cd17-5953-4511-8d53-8cfc799250e7" providerId="ADAL" clId="{01E56475-575D-4CD2-B720-B8D0ED314503}" dt="2022-02-20T21:15:32.863" v="308" actId="478"/>
          <ac:spMkLst>
            <pc:docMk/>
            <pc:sldMk cId="2230748882" sldId="271"/>
            <ac:spMk id="8" creationId="{37BCA915-B62A-4A51-BBA4-2BAF833057BB}"/>
          </ac:spMkLst>
        </pc:spChg>
        <pc:picChg chg="mod">
          <ac:chgData name="Merve Turhan" userId="3594cd17-5953-4511-8d53-8cfc799250e7" providerId="ADAL" clId="{01E56475-575D-4CD2-B720-B8D0ED314503}" dt="2022-02-23T15:29:16.601" v="10659" actId="1076"/>
          <ac:picMkLst>
            <pc:docMk/>
            <pc:sldMk cId="2230748882" sldId="271"/>
            <ac:picMk id="9" creationId="{9500E495-8358-46C8-8A6B-C78D3ACFD3D0}"/>
          </ac:picMkLst>
        </pc:picChg>
      </pc:sldChg>
      <pc:sldChg chg="modSp del mod">
        <pc:chgData name="Merve Turhan" userId="3594cd17-5953-4511-8d53-8cfc799250e7" providerId="ADAL" clId="{01E56475-575D-4CD2-B720-B8D0ED314503}" dt="2022-02-21T20:33:56.022" v="3189" actId="47"/>
        <pc:sldMkLst>
          <pc:docMk/>
          <pc:sldMk cId="2202449239" sldId="274"/>
        </pc:sldMkLst>
        <pc:spChg chg="mod">
          <ac:chgData name="Merve Turhan" userId="3594cd17-5953-4511-8d53-8cfc799250e7" providerId="ADAL" clId="{01E56475-575D-4CD2-B720-B8D0ED314503}" dt="2022-02-21T13:07:03.436" v="1458" actId="790"/>
          <ac:spMkLst>
            <pc:docMk/>
            <pc:sldMk cId="2202449239" sldId="274"/>
            <ac:spMk id="2" creationId="{AB77B8F4-4DA4-4B3F-94FB-3703E1118225}"/>
          </ac:spMkLst>
        </pc:spChg>
        <pc:spChg chg="mod">
          <ac:chgData name="Merve Turhan" userId="3594cd17-5953-4511-8d53-8cfc799250e7" providerId="ADAL" clId="{01E56475-575D-4CD2-B720-B8D0ED314503}" dt="2022-02-21T13:07:03.438" v="1466"/>
          <ac:spMkLst>
            <pc:docMk/>
            <pc:sldMk cId="2202449239" sldId="274"/>
            <ac:spMk id="3" creationId="{6D0402A5-6930-4084-A337-7AB11902FC40}"/>
          </ac:spMkLst>
        </pc:spChg>
        <pc:spChg chg="mod">
          <ac:chgData name="Merve Turhan" userId="3594cd17-5953-4511-8d53-8cfc799250e7" providerId="ADAL" clId="{01E56475-575D-4CD2-B720-B8D0ED314503}" dt="2022-02-21T13:07:03.442" v="1471" actId="790"/>
          <ac:spMkLst>
            <pc:docMk/>
            <pc:sldMk cId="2202449239" sldId="274"/>
            <ac:spMk id="5" creationId="{181921E7-AE99-4279-9C3F-623CF708C9F1}"/>
          </ac:spMkLst>
        </pc:spChg>
        <pc:spChg chg="mod">
          <ac:chgData name="Merve Turhan" userId="3594cd17-5953-4511-8d53-8cfc799250e7" providerId="ADAL" clId="{01E56475-575D-4CD2-B720-B8D0ED314503}" dt="2022-02-21T13:07:03.439" v="1468" actId="790"/>
          <ac:spMkLst>
            <pc:docMk/>
            <pc:sldMk cId="2202449239" sldId="274"/>
            <ac:spMk id="6" creationId="{192E595F-93FD-4FD1-A68B-BD40A45C8928}"/>
          </ac:spMkLst>
        </pc:spChg>
        <pc:spChg chg="mod">
          <ac:chgData name="Merve Turhan" userId="3594cd17-5953-4511-8d53-8cfc799250e7" providerId="ADAL" clId="{01E56475-575D-4CD2-B720-B8D0ED314503}" dt="2022-02-21T13:07:03.442" v="1472" actId="790"/>
          <ac:spMkLst>
            <pc:docMk/>
            <pc:sldMk cId="2202449239" sldId="274"/>
            <ac:spMk id="7" creationId="{1D18CE50-C52D-438F-A91C-B4729CA511EA}"/>
          </ac:spMkLst>
        </pc:spChg>
        <pc:spChg chg="mod">
          <ac:chgData name="Merve Turhan" userId="3594cd17-5953-4511-8d53-8cfc799250e7" providerId="ADAL" clId="{01E56475-575D-4CD2-B720-B8D0ED314503}" dt="2022-02-21T13:07:03.435" v="1455"/>
          <ac:spMkLst>
            <pc:docMk/>
            <pc:sldMk cId="2202449239" sldId="274"/>
            <ac:spMk id="8" creationId="{FD5F01C6-032B-4444-ADA8-356791C6E3CC}"/>
          </ac:spMkLst>
        </pc:spChg>
        <pc:spChg chg="mod">
          <ac:chgData name="Merve Turhan" userId="3594cd17-5953-4511-8d53-8cfc799250e7" providerId="ADAL" clId="{01E56475-575D-4CD2-B720-B8D0ED314503}" dt="2022-02-21T13:07:03.435" v="1457"/>
          <ac:spMkLst>
            <pc:docMk/>
            <pc:sldMk cId="2202449239" sldId="274"/>
            <ac:spMk id="9" creationId="{1D5E7CAC-94F5-4596-83E1-7DB62F81B6A5}"/>
          </ac:spMkLst>
        </pc:spChg>
        <pc:spChg chg="mod">
          <ac:chgData name="Merve Turhan" userId="3594cd17-5953-4511-8d53-8cfc799250e7" providerId="ADAL" clId="{01E56475-575D-4CD2-B720-B8D0ED314503}" dt="2022-02-21T13:07:03.436" v="1459"/>
          <ac:spMkLst>
            <pc:docMk/>
            <pc:sldMk cId="2202449239" sldId="274"/>
            <ac:spMk id="11" creationId="{A919DE69-9424-4956-BBDA-1582BEA45DEC}"/>
          </ac:spMkLst>
        </pc:spChg>
        <pc:spChg chg="mod">
          <ac:chgData name="Merve Turhan" userId="3594cd17-5953-4511-8d53-8cfc799250e7" providerId="ADAL" clId="{01E56475-575D-4CD2-B720-B8D0ED314503}" dt="2022-02-21T13:07:03.435" v="1456"/>
          <ac:spMkLst>
            <pc:docMk/>
            <pc:sldMk cId="2202449239" sldId="274"/>
            <ac:spMk id="12" creationId="{E8CFC069-8D85-4824-9978-BC41CF5A55FF}"/>
          </ac:spMkLst>
        </pc:spChg>
        <pc:spChg chg="mod">
          <ac:chgData name="Merve Turhan" userId="3594cd17-5953-4511-8d53-8cfc799250e7" providerId="ADAL" clId="{01E56475-575D-4CD2-B720-B8D0ED314503}" dt="2022-02-21T13:07:03.436" v="1460" actId="790"/>
          <ac:spMkLst>
            <pc:docMk/>
            <pc:sldMk cId="2202449239" sldId="274"/>
            <ac:spMk id="13" creationId="{F5C4EC0F-88A1-4417-8103-63B2EBB1A1E4}"/>
          </ac:spMkLst>
        </pc:spChg>
        <pc:spChg chg="mod">
          <ac:chgData name="Merve Turhan" userId="3594cd17-5953-4511-8d53-8cfc799250e7" providerId="ADAL" clId="{01E56475-575D-4CD2-B720-B8D0ED314503}" dt="2022-02-21T13:07:03.437" v="1461"/>
          <ac:spMkLst>
            <pc:docMk/>
            <pc:sldMk cId="2202449239" sldId="274"/>
            <ac:spMk id="14" creationId="{07714B90-E557-46CC-A6A5-39A2E87674AD}"/>
          </ac:spMkLst>
        </pc:spChg>
        <pc:spChg chg="mod">
          <ac:chgData name="Merve Turhan" userId="3594cd17-5953-4511-8d53-8cfc799250e7" providerId="ADAL" clId="{01E56475-575D-4CD2-B720-B8D0ED314503}" dt="2022-02-21T13:07:03.437" v="1462"/>
          <ac:spMkLst>
            <pc:docMk/>
            <pc:sldMk cId="2202449239" sldId="274"/>
            <ac:spMk id="15" creationId="{F4EF217F-D926-47F8-BD00-4DA8EE59B3B6}"/>
          </ac:spMkLst>
        </pc:spChg>
        <pc:spChg chg="mod">
          <ac:chgData name="Merve Turhan" userId="3594cd17-5953-4511-8d53-8cfc799250e7" providerId="ADAL" clId="{01E56475-575D-4CD2-B720-B8D0ED314503}" dt="2022-02-21T13:07:03.437" v="1463"/>
          <ac:spMkLst>
            <pc:docMk/>
            <pc:sldMk cId="2202449239" sldId="274"/>
            <ac:spMk id="16" creationId="{D3DE39E8-738C-4866-B986-61CE36B6C287}"/>
          </ac:spMkLst>
        </pc:spChg>
        <pc:spChg chg="mod">
          <ac:chgData name="Merve Turhan" userId="3594cd17-5953-4511-8d53-8cfc799250e7" providerId="ADAL" clId="{01E56475-575D-4CD2-B720-B8D0ED314503}" dt="2022-02-21T13:07:03.443" v="1473" actId="790"/>
          <ac:spMkLst>
            <pc:docMk/>
            <pc:sldMk cId="2202449239" sldId="274"/>
            <ac:spMk id="23" creationId="{F93DDC71-84B2-428C-AEB7-A90058FC904B}"/>
          </ac:spMkLst>
        </pc:spChg>
        <pc:spChg chg="mod">
          <ac:chgData name="Merve Turhan" userId="3594cd17-5953-4511-8d53-8cfc799250e7" providerId="ADAL" clId="{01E56475-575D-4CD2-B720-B8D0ED314503}" dt="2022-02-21T13:07:03.438" v="1464" actId="790"/>
          <ac:spMkLst>
            <pc:docMk/>
            <pc:sldMk cId="2202449239" sldId="274"/>
            <ac:spMk id="26" creationId="{6F09682A-04DB-4308-9342-B4DC69EAF5B4}"/>
          </ac:spMkLst>
        </pc:spChg>
        <pc:spChg chg="mod">
          <ac:chgData name="Merve Turhan" userId="3594cd17-5953-4511-8d53-8cfc799250e7" providerId="ADAL" clId="{01E56475-575D-4CD2-B720-B8D0ED314503}" dt="2022-02-21T13:07:03.441" v="1470" actId="790"/>
          <ac:spMkLst>
            <pc:docMk/>
            <pc:sldMk cId="2202449239" sldId="274"/>
            <ac:spMk id="31" creationId="{DBCEEDC6-5F87-4AC5-AFCC-94D7CF5E7667}"/>
          </ac:spMkLst>
        </pc:spChg>
        <pc:spChg chg="mod">
          <ac:chgData name="Merve Turhan" userId="3594cd17-5953-4511-8d53-8cfc799250e7" providerId="ADAL" clId="{01E56475-575D-4CD2-B720-B8D0ED314503}" dt="2022-02-21T13:07:03.438" v="1465" actId="790"/>
          <ac:spMkLst>
            <pc:docMk/>
            <pc:sldMk cId="2202449239" sldId="274"/>
            <ac:spMk id="32" creationId="{EC7ADF0D-10E4-464A-A6A0-6320792DE604}"/>
          </ac:spMkLst>
        </pc:spChg>
        <pc:spChg chg="mod">
          <ac:chgData name="Merve Turhan" userId="3594cd17-5953-4511-8d53-8cfc799250e7" providerId="ADAL" clId="{01E56475-575D-4CD2-B720-B8D0ED314503}" dt="2022-02-21T13:07:03.439" v="1467"/>
          <ac:spMkLst>
            <pc:docMk/>
            <pc:sldMk cId="2202449239" sldId="274"/>
            <ac:spMk id="40" creationId="{F4035454-FA35-498B-85E7-EF66D6CF2CEC}"/>
          </ac:spMkLst>
        </pc:spChg>
        <pc:spChg chg="mod">
          <ac:chgData name="Merve Turhan" userId="3594cd17-5953-4511-8d53-8cfc799250e7" providerId="ADAL" clId="{01E56475-575D-4CD2-B720-B8D0ED314503}" dt="2022-02-21T13:07:03.440" v="1469" actId="790"/>
          <ac:spMkLst>
            <pc:docMk/>
            <pc:sldMk cId="2202449239" sldId="274"/>
            <ac:spMk id="42" creationId="{D317E64A-91E6-4434-8062-C3D35D24D213}"/>
          </ac:spMkLst>
        </pc:spChg>
      </pc:sldChg>
      <pc:sldChg chg="modSp del mod">
        <pc:chgData name="Merve Turhan" userId="3594cd17-5953-4511-8d53-8cfc799250e7" providerId="ADAL" clId="{01E56475-575D-4CD2-B720-B8D0ED314503}" dt="2022-02-21T17:24:32.317" v="2030" actId="47"/>
        <pc:sldMkLst>
          <pc:docMk/>
          <pc:sldMk cId="4073443622" sldId="275"/>
        </pc:sldMkLst>
        <pc:spChg chg="mod">
          <ac:chgData name="Merve Turhan" userId="3594cd17-5953-4511-8d53-8cfc799250e7" providerId="ADAL" clId="{01E56475-575D-4CD2-B720-B8D0ED314503}" dt="2022-02-21T13:07:03.360" v="1335" actId="790"/>
          <ac:spMkLst>
            <pc:docMk/>
            <pc:sldMk cId="4073443622" sldId="275"/>
            <ac:spMk id="2" creationId="{145A5B86-CDEE-4EAD-814B-D0C826FD40F3}"/>
          </ac:spMkLst>
        </pc:spChg>
        <pc:spChg chg="mod">
          <ac:chgData name="Merve Turhan" userId="3594cd17-5953-4511-8d53-8cfc799250e7" providerId="ADAL" clId="{01E56475-575D-4CD2-B720-B8D0ED314503}" dt="2022-02-21T13:07:03.361" v="1336"/>
          <ac:spMkLst>
            <pc:docMk/>
            <pc:sldMk cId="4073443622" sldId="275"/>
            <ac:spMk id="3" creationId="{0725F03B-7FF5-4B82-84E1-122CEE6079CC}"/>
          </ac:spMkLst>
        </pc:spChg>
        <pc:spChg chg="mod">
          <ac:chgData name="Merve Turhan" userId="3594cd17-5953-4511-8d53-8cfc799250e7" providerId="ADAL" clId="{01E56475-575D-4CD2-B720-B8D0ED314503}" dt="2022-02-21T13:07:03.362" v="1338"/>
          <ac:spMkLst>
            <pc:docMk/>
            <pc:sldMk cId="4073443622" sldId="275"/>
            <ac:spMk id="5" creationId="{C0E43549-C2F3-4226-8CF6-5A3B88C76930}"/>
          </ac:spMkLst>
        </pc:spChg>
        <pc:spChg chg="mod">
          <ac:chgData name="Merve Turhan" userId="3594cd17-5953-4511-8d53-8cfc799250e7" providerId="ADAL" clId="{01E56475-575D-4CD2-B720-B8D0ED314503}" dt="2022-02-21T13:07:03.362" v="1337" actId="790"/>
          <ac:spMkLst>
            <pc:docMk/>
            <pc:sldMk cId="4073443622" sldId="275"/>
            <ac:spMk id="6" creationId="{0BF68993-B3F5-44AD-A7C7-CD355E77AE73}"/>
          </ac:spMkLst>
        </pc:spChg>
        <pc:spChg chg="mod">
          <ac:chgData name="Merve Turhan" userId="3594cd17-5953-4511-8d53-8cfc799250e7" providerId="ADAL" clId="{01E56475-575D-4CD2-B720-B8D0ED314503}" dt="2022-02-21T13:07:03.362" v="1339"/>
          <ac:spMkLst>
            <pc:docMk/>
            <pc:sldMk cId="4073443622" sldId="275"/>
            <ac:spMk id="7" creationId="{8C106D0A-D965-4685-BB94-2ACB5AF9597B}"/>
          </ac:spMkLst>
        </pc:spChg>
        <pc:spChg chg="mod">
          <ac:chgData name="Merve Turhan" userId="3594cd17-5953-4511-8d53-8cfc799250e7" providerId="ADAL" clId="{01E56475-575D-4CD2-B720-B8D0ED314503}" dt="2022-02-21T13:07:03.362" v="1340"/>
          <ac:spMkLst>
            <pc:docMk/>
            <pc:sldMk cId="4073443622" sldId="275"/>
            <ac:spMk id="8" creationId="{79D7E8FD-5ABF-4C09-B53D-EA9670B7FB8E}"/>
          </ac:spMkLst>
        </pc:spChg>
        <pc:spChg chg="mod">
          <ac:chgData name="Merve Turhan" userId="3594cd17-5953-4511-8d53-8cfc799250e7" providerId="ADAL" clId="{01E56475-575D-4CD2-B720-B8D0ED314503}" dt="2022-02-21T13:07:03.363" v="1341"/>
          <ac:spMkLst>
            <pc:docMk/>
            <pc:sldMk cId="4073443622" sldId="275"/>
            <ac:spMk id="9" creationId="{B01D6B3A-4943-432B-ABB6-0C8FFC81B081}"/>
          </ac:spMkLst>
        </pc:spChg>
        <pc:spChg chg="mod">
          <ac:chgData name="Merve Turhan" userId="3594cd17-5953-4511-8d53-8cfc799250e7" providerId="ADAL" clId="{01E56475-575D-4CD2-B720-B8D0ED314503}" dt="2022-02-21T13:07:03.363" v="1342"/>
          <ac:spMkLst>
            <pc:docMk/>
            <pc:sldMk cId="4073443622" sldId="275"/>
            <ac:spMk id="10" creationId="{4241CF5A-E452-4CC5-A14B-161655AA5210}"/>
          </ac:spMkLst>
        </pc:spChg>
        <pc:spChg chg="mod">
          <ac:chgData name="Merve Turhan" userId="3594cd17-5953-4511-8d53-8cfc799250e7" providerId="ADAL" clId="{01E56475-575D-4CD2-B720-B8D0ED314503}" dt="2022-02-21T13:07:03.363" v="1343"/>
          <ac:spMkLst>
            <pc:docMk/>
            <pc:sldMk cId="4073443622" sldId="275"/>
            <ac:spMk id="12" creationId="{64BB2DB5-8C49-4D99-B31C-F12262415E5E}"/>
          </ac:spMkLst>
        </pc:spChg>
        <pc:spChg chg="mod">
          <ac:chgData name="Merve Turhan" userId="3594cd17-5953-4511-8d53-8cfc799250e7" providerId="ADAL" clId="{01E56475-575D-4CD2-B720-B8D0ED314503}" dt="2022-02-21T13:07:03.364" v="1344" actId="790"/>
          <ac:spMkLst>
            <pc:docMk/>
            <pc:sldMk cId="4073443622" sldId="275"/>
            <ac:spMk id="13" creationId="{C6C3BBBC-5107-4865-B187-2688BAFA356D}"/>
          </ac:spMkLst>
        </pc:spChg>
        <pc:spChg chg="mod">
          <ac:chgData name="Merve Turhan" userId="3594cd17-5953-4511-8d53-8cfc799250e7" providerId="ADAL" clId="{01E56475-575D-4CD2-B720-B8D0ED314503}" dt="2022-02-21T13:07:03.364" v="1345"/>
          <ac:spMkLst>
            <pc:docMk/>
            <pc:sldMk cId="4073443622" sldId="275"/>
            <ac:spMk id="17" creationId="{BEA32D59-A05B-40B6-824B-EF059F9DC62A}"/>
          </ac:spMkLst>
        </pc:spChg>
        <pc:spChg chg="mod">
          <ac:chgData name="Merve Turhan" userId="3594cd17-5953-4511-8d53-8cfc799250e7" providerId="ADAL" clId="{01E56475-575D-4CD2-B720-B8D0ED314503}" dt="2022-02-21T13:07:03.364" v="1346"/>
          <ac:spMkLst>
            <pc:docMk/>
            <pc:sldMk cId="4073443622" sldId="275"/>
            <ac:spMk id="18" creationId="{B24DBF0D-EABE-46D6-9163-3A816515C754}"/>
          </ac:spMkLst>
        </pc:spChg>
        <pc:spChg chg="mod">
          <ac:chgData name="Merve Turhan" userId="3594cd17-5953-4511-8d53-8cfc799250e7" providerId="ADAL" clId="{01E56475-575D-4CD2-B720-B8D0ED314503}" dt="2022-02-21T13:07:03.365" v="1347"/>
          <ac:spMkLst>
            <pc:docMk/>
            <pc:sldMk cId="4073443622" sldId="275"/>
            <ac:spMk id="20" creationId="{4120F6FF-A064-45F6-A472-0AA7C29BAAA3}"/>
          </ac:spMkLst>
        </pc:spChg>
        <pc:spChg chg="mod">
          <ac:chgData name="Merve Turhan" userId="3594cd17-5953-4511-8d53-8cfc799250e7" providerId="ADAL" clId="{01E56475-575D-4CD2-B720-B8D0ED314503}" dt="2022-02-21T13:07:03.365" v="1348"/>
          <ac:spMkLst>
            <pc:docMk/>
            <pc:sldMk cId="4073443622" sldId="275"/>
            <ac:spMk id="26" creationId="{3BF03BE7-F97B-42C8-ABA2-CBA796E49095}"/>
          </ac:spMkLst>
        </pc:spChg>
        <pc:spChg chg="mod">
          <ac:chgData name="Merve Turhan" userId="3594cd17-5953-4511-8d53-8cfc799250e7" providerId="ADAL" clId="{01E56475-575D-4CD2-B720-B8D0ED314503}" dt="2022-02-21T13:07:03.365" v="1349"/>
          <ac:spMkLst>
            <pc:docMk/>
            <pc:sldMk cId="4073443622" sldId="275"/>
            <ac:spMk id="28" creationId="{E1FCDE4D-32F1-4BFA-B671-9B794B96BA60}"/>
          </ac:spMkLst>
        </pc:spChg>
      </pc:sldChg>
      <pc:sldChg chg="modSp add modAnim modNotesTx">
        <pc:chgData name="Merve Turhan" userId="3594cd17-5953-4511-8d53-8cfc799250e7" providerId="ADAL" clId="{01E56475-575D-4CD2-B720-B8D0ED314503}" dt="2022-02-23T20:52:22.299" v="12490" actId="207"/>
        <pc:sldMkLst>
          <pc:docMk/>
          <pc:sldMk cId="2013701143" sldId="279"/>
        </pc:sldMkLst>
        <pc:spChg chg="mod">
          <ac:chgData name="Merve Turhan" userId="3594cd17-5953-4511-8d53-8cfc799250e7" providerId="ADAL" clId="{01E56475-575D-4CD2-B720-B8D0ED314503}" dt="2022-02-23T20:52:22.299" v="12490" actId="207"/>
          <ac:spMkLst>
            <pc:docMk/>
            <pc:sldMk cId="2013701143" sldId="279"/>
            <ac:spMk id="2" creationId="{70D3E22F-29AA-4782-8B87-0BB49997FE98}"/>
          </ac:spMkLst>
        </pc:spChg>
        <pc:spChg chg="mod">
          <ac:chgData name="Merve Turhan" userId="3594cd17-5953-4511-8d53-8cfc799250e7" providerId="ADAL" clId="{01E56475-575D-4CD2-B720-B8D0ED314503}" dt="2022-02-23T18:30:59.720" v="11394"/>
          <ac:spMkLst>
            <pc:docMk/>
            <pc:sldMk cId="2013701143" sldId="279"/>
            <ac:spMk id="4" creationId="{FECAA605-9A46-4AA4-B77D-E2C5F5089B2D}"/>
          </ac:spMkLst>
        </pc:spChg>
      </pc:sldChg>
      <pc:sldChg chg="modSp del mod">
        <pc:chgData name="Merve Turhan" userId="3594cd17-5953-4511-8d53-8cfc799250e7" providerId="ADAL" clId="{01E56475-575D-4CD2-B720-B8D0ED314503}" dt="2022-02-21T16:47:22.409" v="1998" actId="47"/>
        <pc:sldMkLst>
          <pc:docMk/>
          <pc:sldMk cId="1123091943" sldId="281"/>
        </pc:sldMkLst>
        <pc:spChg chg="mod">
          <ac:chgData name="Merve Turhan" userId="3594cd17-5953-4511-8d53-8cfc799250e7" providerId="ADAL" clId="{01E56475-575D-4CD2-B720-B8D0ED314503}" dt="2022-02-21T13:07:03.345" v="1293" actId="790"/>
          <ac:spMkLst>
            <pc:docMk/>
            <pc:sldMk cId="1123091943" sldId="281"/>
            <ac:spMk id="2" creationId="{400B03D0-A099-4F3C-B9B6-498E1BAA46C9}"/>
          </ac:spMkLst>
        </pc:spChg>
        <pc:spChg chg="mod">
          <ac:chgData name="Merve Turhan" userId="3594cd17-5953-4511-8d53-8cfc799250e7" providerId="ADAL" clId="{01E56475-575D-4CD2-B720-B8D0ED314503}" dt="2022-02-21T13:07:03.360" v="1334"/>
          <ac:spMkLst>
            <pc:docMk/>
            <pc:sldMk cId="1123091943" sldId="281"/>
            <ac:spMk id="3" creationId="{CFC43F3D-9A69-4B1C-9AEF-25CA53775F5C}"/>
          </ac:spMkLst>
        </pc:spChg>
        <pc:spChg chg="mod">
          <ac:chgData name="Merve Turhan" userId="3594cd17-5953-4511-8d53-8cfc799250e7" providerId="ADAL" clId="{01E56475-575D-4CD2-B720-B8D0ED314503}" dt="2022-02-21T13:07:03.345" v="1294"/>
          <ac:spMkLst>
            <pc:docMk/>
            <pc:sldMk cId="1123091943" sldId="281"/>
            <ac:spMk id="5" creationId="{2E25018B-CDF5-46CF-945E-2ADEF0607007}"/>
          </ac:spMkLst>
        </pc:spChg>
        <pc:spChg chg="mod">
          <ac:chgData name="Merve Turhan" userId="3594cd17-5953-4511-8d53-8cfc799250e7" providerId="ADAL" clId="{01E56475-575D-4CD2-B720-B8D0ED314503}" dt="2022-02-21T13:07:03.345" v="1295" actId="790"/>
          <ac:spMkLst>
            <pc:docMk/>
            <pc:sldMk cId="1123091943" sldId="281"/>
            <ac:spMk id="6" creationId="{C9A25EB3-151E-451C-BBFB-C1906EB4619F}"/>
          </ac:spMkLst>
        </pc:spChg>
        <pc:spChg chg="mod">
          <ac:chgData name="Merve Turhan" userId="3594cd17-5953-4511-8d53-8cfc799250e7" providerId="ADAL" clId="{01E56475-575D-4CD2-B720-B8D0ED314503}" dt="2022-02-21T13:07:03.346" v="1296" actId="790"/>
          <ac:spMkLst>
            <pc:docMk/>
            <pc:sldMk cId="1123091943" sldId="281"/>
            <ac:spMk id="7" creationId="{76040A9B-53DB-4225-B55D-25440F668F74}"/>
          </ac:spMkLst>
        </pc:spChg>
        <pc:spChg chg="mod">
          <ac:chgData name="Merve Turhan" userId="3594cd17-5953-4511-8d53-8cfc799250e7" providerId="ADAL" clId="{01E56475-575D-4CD2-B720-B8D0ED314503}" dt="2022-02-21T13:07:03.347" v="1297" actId="790"/>
          <ac:spMkLst>
            <pc:docMk/>
            <pc:sldMk cId="1123091943" sldId="281"/>
            <ac:spMk id="8" creationId="{97D39FB5-AA96-422E-8660-419E88FD0ACE}"/>
          </ac:spMkLst>
        </pc:spChg>
        <pc:spChg chg="mod">
          <ac:chgData name="Merve Turhan" userId="3594cd17-5953-4511-8d53-8cfc799250e7" providerId="ADAL" clId="{01E56475-575D-4CD2-B720-B8D0ED314503}" dt="2022-02-21T13:07:03.347" v="1298" actId="790"/>
          <ac:spMkLst>
            <pc:docMk/>
            <pc:sldMk cId="1123091943" sldId="281"/>
            <ac:spMk id="12" creationId="{70AD5A64-582E-4A4F-A756-4AD8F3DDDC4D}"/>
          </ac:spMkLst>
        </pc:spChg>
        <pc:spChg chg="mod">
          <ac:chgData name="Merve Turhan" userId="3594cd17-5953-4511-8d53-8cfc799250e7" providerId="ADAL" clId="{01E56475-575D-4CD2-B720-B8D0ED314503}" dt="2022-02-21T13:07:03.348" v="1299" actId="790"/>
          <ac:spMkLst>
            <pc:docMk/>
            <pc:sldMk cId="1123091943" sldId="281"/>
            <ac:spMk id="13" creationId="{08A21DE4-B805-4873-B5BA-4A73AD18379D}"/>
          </ac:spMkLst>
        </pc:spChg>
        <pc:spChg chg="mod">
          <ac:chgData name="Merve Turhan" userId="3594cd17-5953-4511-8d53-8cfc799250e7" providerId="ADAL" clId="{01E56475-575D-4CD2-B720-B8D0ED314503}" dt="2022-02-21T13:07:03.349" v="1300" actId="790"/>
          <ac:spMkLst>
            <pc:docMk/>
            <pc:sldMk cId="1123091943" sldId="281"/>
            <ac:spMk id="15" creationId="{0038BE6A-DD1B-4702-9CF4-1EAAFF77755D}"/>
          </ac:spMkLst>
        </pc:spChg>
        <pc:spChg chg="mod">
          <ac:chgData name="Merve Turhan" userId="3594cd17-5953-4511-8d53-8cfc799250e7" providerId="ADAL" clId="{01E56475-575D-4CD2-B720-B8D0ED314503}" dt="2022-02-21T13:07:03.349" v="1301" actId="790"/>
          <ac:spMkLst>
            <pc:docMk/>
            <pc:sldMk cId="1123091943" sldId="281"/>
            <ac:spMk id="18" creationId="{3C241A8D-8B6D-426C-BCF0-FADC10C4B297}"/>
          </ac:spMkLst>
        </pc:spChg>
        <pc:spChg chg="mod">
          <ac:chgData name="Merve Turhan" userId="3594cd17-5953-4511-8d53-8cfc799250e7" providerId="ADAL" clId="{01E56475-575D-4CD2-B720-B8D0ED314503}" dt="2022-02-21T13:07:03.350" v="1302" actId="790"/>
          <ac:spMkLst>
            <pc:docMk/>
            <pc:sldMk cId="1123091943" sldId="281"/>
            <ac:spMk id="47" creationId="{A444EC45-5402-4A9F-A354-B0E529ACB13D}"/>
          </ac:spMkLst>
        </pc:spChg>
        <pc:spChg chg="mod">
          <ac:chgData name="Merve Turhan" userId="3594cd17-5953-4511-8d53-8cfc799250e7" providerId="ADAL" clId="{01E56475-575D-4CD2-B720-B8D0ED314503}" dt="2022-02-21T13:07:03.351" v="1303" actId="790"/>
          <ac:spMkLst>
            <pc:docMk/>
            <pc:sldMk cId="1123091943" sldId="281"/>
            <ac:spMk id="48" creationId="{999D86F3-E027-4E42-9E8B-F72B3FC4B5B6}"/>
          </ac:spMkLst>
        </pc:spChg>
        <pc:spChg chg="mod">
          <ac:chgData name="Merve Turhan" userId="3594cd17-5953-4511-8d53-8cfc799250e7" providerId="ADAL" clId="{01E56475-575D-4CD2-B720-B8D0ED314503}" dt="2022-02-21T13:07:03.351" v="1304"/>
          <ac:spMkLst>
            <pc:docMk/>
            <pc:sldMk cId="1123091943" sldId="281"/>
            <ac:spMk id="51" creationId="{46E47EB0-814A-440B-88BA-15DFC0024E09}"/>
          </ac:spMkLst>
        </pc:spChg>
        <pc:spChg chg="mod">
          <ac:chgData name="Merve Turhan" userId="3594cd17-5953-4511-8d53-8cfc799250e7" providerId="ADAL" clId="{01E56475-575D-4CD2-B720-B8D0ED314503}" dt="2022-02-21T13:07:03.351" v="1305"/>
          <ac:spMkLst>
            <pc:docMk/>
            <pc:sldMk cId="1123091943" sldId="281"/>
            <ac:spMk id="52" creationId="{67B92745-BA9D-4FE4-82CE-C79A4461E6FF}"/>
          </ac:spMkLst>
        </pc:spChg>
        <pc:spChg chg="mod">
          <ac:chgData name="Merve Turhan" userId="3594cd17-5953-4511-8d53-8cfc799250e7" providerId="ADAL" clId="{01E56475-575D-4CD2-B720-B8D0ED314503}" dt="2022-02-21T13:07:03.352" v="1306"/>
          <ac:spMkLst>
            <pc:docMk/>
            <pc:sldMk cId="1123091943" sldId="281"/>
            <ac:spMk id="53" creationId="{68E0B971-217B-4549-8F13-2020A5E38283}"/>
          </ac:spMkLst>
        </pc:spChg>
        <pc:spChg chg="mod">
          <ac:chgData name="Merve Turhan" userId="3594cd17-5953-4511-8d53-8cfc799250e7" providerId="ADAL" clId="{01E56475-575D-4CD2-B720-B8D0ED314503}" dt="2022-02-21T13:07:03.352" v="1307"/>
          <ac:spMkLst>
            <pc:docMk/>
            <pc:sldMk cId="1123091943" sldId="281"/>
            <ac:spMk id="57" creationId="{EAFBA49C-B9F6-4D48-84E5-C0E4AA709D33}"/>
          </ac:spMkLst>
        </pc:spChg>
        <pc:spChg chg="mod">
          <ac:chgData name="Merve Turhan" userId="3594cd17-5953-4511-8d53-8cfc799250e7" providerId="ADAL" clId="{01E56475-575D-4CD2-B720-B8D0ED314503}" dt="2022-02-21T13:07:03.353" v="1308"/>
          <ac:spMkLst>
            <pc:docMk/>
            <pc:sldMk cId="1123091943" sldId="281"/>
            <ac:spMk id="58" creationId="{C5CBE7A6-CD10-48E2-8A62-DF66D68584AD}"/>
          </ac:spMkLst>
        </pc:spChg>
        <pc:spChg chg="mod">
          <ac:chgData name="Merve Turhan" userId="3594cd17-5953-4511-8d53-8cfc799250e7" providerId="ADAL" clId="{01E56475-575D-4CD2-B720-B8D0ED314503}" dt="2022-02-21T13:07:03.353" v="1309"/>
          <ac:spMkLst>
            <pc:docMk/>
            <pc:sldMk cId="1123091943" sldId="281"/>
            <ac:spMk id="59" creationId="{37DE7DF0-71AB-482C-9918-26E1B71B5730}"/>
          </ac:spMkLst>
        </pc:spChg>
        <pc:spChg chg="mod">
          <ac:chgData name="Merve Turhan" userId="3594cd17-5953-4511-8d53-8cfc799250e7" providerId="ADAL" clId="{01E56475-575D-4CD2-B720-B8D0ED314503}" dt="2022-02-21T13:07:03.353" v="1310"/>
          <ac:spMkLst>
            <pc:docMk/>
            <pc:sldMk cId="1123091943" sldId="281"/>
            <ac:spMk id="60" creationId="{CD4E6E8C-1624-451B-854A-408F3327E4FE}"/>
          </ac:spMkLst>
        </pc:spChg>
        <pc:spChg chg="mod">
          <ac:chgData name="Merve Turhan" userId="3594cd17-5953-4511-8d53-8cfc799250e7" providerId="ADAL" clId="{01E56475-575D-4CD2-B720-B8D0ED314503}" dt="2022-02-21T13:07:03.353" v="1311"/>
          <ac:spMkLst>
            <pc:docMk/>
            <pc:sldMk cId="1123091943" sldId="281"/>
            <ac:spMk id="62" creationId="{F7A62762-7157-4C57-BFDA-E2888414E531}"/>
          </ac:spMkLst>
        </pc:spChg>
        <pc:spChg chg="mod">
          <ac:chgData name="Merve Turhan" userId="3594cd17-5953-4511-8d53-8cfc799250e7" providerId="ADAL" clId="{01E56475-575D-4CD2-B720-B8D0ED314503}" dt="2022-02-21T13:07:03.354" v="1312"/>
          <ac:spMkLst>
            <pc:docMk/>
            <pc:sldMk cId="1123091943" sldId="281"/>
            <ac:spMk id="63" creationId="{28C59640-717C-4558-9B60-A5833A62B9AE}"/>
          </ac:spMkLst>
        </pc:spChg>
        <pc:spChg chg="mod">
          <ac:chgData name="Merve Turhan" userId="3594cd17-5953-4511-8d53-8cfc799250e7" providerId="ADAL" clId="{01E56475-575D-4CD2-B720-B8D0ED314503}" dt="2022-02-21T13:07:03.354" v="1313"/>
          <ac:spMkLst>
            <pc:docMk/>
            <pc:sldMk cId="1123091943" sldId="281"/>
            <ac:spMk id="64" creationId="{02FF3FBD-4050-40B4-BE95-E36ABB6D59FB}"/>
          </ac:spMkLst>
        </pc:spChg>
        <pc:spChg chg="mod">
          <ac:chgData name="Merve Turhan" userId="3594cd17-5953-4511-8d53-8cfc799250e7" providerId="ADAL" clId="{01E56475-575D-4CD2-B720-B8D0ED314503}" dt="2022-02-21T13:07:03.354" v="1314"/>
          <ac:spMkLst>
            <pc:docMk/>
            <pc:sldMk cId="1123091943" sldId="281"/>
            <ac:spMk id="65" creationId="{2DBB6329-BC27-4865-A045-F284899D833F}"/>
          </ac:spMkLst>
        </pc:spChg>
        <pc:spChg chg="mod">
          <ac:chgData name="Merve Turhan" userId="3594cd17-5953-4511-8d53-8cfc799250e7" providerId="ADAL" clId="{01E56475-575D-4CD2-B720-B8D0ED314503}" dt="2022-02-21T13:07:03.354" v="1315"/>
          <ac:spMkLst>
            <pc:docMk/>
            <pc:sldMk cId="1123091943" sldId="281"/>
            <ac:spMk id="66" creationId="{DE74D8A0-2A32-494E-9531-D0071B1F3B64}"/>
          </ac:spMkLst>
        </pc:spChg>
        <pc:spChg chg="mod">
          <ac:chgData name="Merve Turhan" userId="3594cd17-5953-4511-8d53-8cfc799250e7" providerId="ADAL" clId="{01E56475-575D-4CD2-B720-B8D0ED314503}" dt="2022-02-21T13:07:03.355" v="1316"/>
          <ac:spMkLst>
            <pc:docMk/>
            <pc:sldMk cId="1123091943" sldId="281"/>
            <ac:spMk id="67" creationId="{9A0186D4-9ABC-49C7-869F-9EC57A15B14E}"/>
          </ac:spMkLst>
        </pc:spChg>
        <pc:spChg chg="mod">
          <ac:chgData name="Merve Turhan" userId="3594cd17-5953-4511-8d53-8cfc799250e7" providerId="ADAL" clId="{01E56475-575D-4CD2-B720-B8D0ED314503}" dt="2022-02-21T13:07:03.355" v="1317"/>
          <ac:spMkLst>
            <pc:docMk/>
            <pc:sldMk cId="1123091943" sldId="281"/>
            <ac:spMk id="68" creationId="{CE8325FD-7838-40C8-97C1-197C9951A89C}"/>
          </ac:spMkLst>
        </pc:spChg>
        <pc:spChg chg="mod">
          <ac:chgData name="Merve Turhan" userId="3594cd17-5953-4511-8d53-8cfc799250e7" providerId="ADAL" clId="{01E56475-575D-4CD2-B720-B8D0ED314503}" dt="2022-02-21T13:07:03.355" v="1318"/>
          <ac:spMkLst>
            <pc:docMk/>
            <pc:sldMk cId="1123091943" sldId="281"/>
            <ac:spMk id="69" creationId="{FD7524DA-B7AB-46D5-B553-C94B7E7E738F}"/>
          </ac:spMkLst>
        </pc:spChg>
        <pc:spChg chg="mod">
          <ac:chgData name="Merve Turhan" userId="3594cd17-5953-4511-8d53-8cfc799250e7" providerId="ADAL" clId="{01E56475-575D-4CD2-B720-B8D0ED314503}" dt="2022-02-21T13:07:03.356" v="1319"/>
          <ac:spMkLst>
            <pc:docMk/>
            <pc:sldMk cId="1123091943" sldId="281"/>
            <ac:spMk id="70" creationId="{C376F59B-F1BB-475C-BCC8-78F3F3D1DC8A}"/>
          </ac:spMkLst>
        </pc:spChg>
        <pc:spChg chg="mod">
          <ac:chgData name="Merve Turhan" userId="3594cd17-5953-4511-8d53-8cfc799250e7" providerId="ADAL" clId="{01E56475-575D-4CD2-B720-B8D0ED314503}" dt="2022-02-21T13:07:03.356" v="1320"/>
          <ac:spMkLst>
            <pc:docMk/>
            <pc:sldMk cId="1123091943" sldId="281"/>
            <ac:spMk id="72" creationId="{850B3C9B-220A-473E-908B-A15F135F6E49}"/>
          </ac:spMkLst>
        </pc:spChg>
        <pc:spChg chg="mod">
          <ac:chgData name="Merve Turhan" userId="3594cd17-5953-4511-8d53-8cfc799250e7" providerId="ADAL" clId="{01E56475-575D-4CD2-B720-B8D0ED314503}" dt="2022-02-21T13:07:03.356" v="1321"/>
          <ac:spMkLst>
            <pc:docMk/>
            <pc:sldMk cId="1123091943" sldId="281"/>
            <ac:spMk id="75" creationId="{D7597967-CF85-4789-9058-A471D789AC3C}"/>
          </ac:spMkLst>
        </pc:spChg>
        <pc:spChg chg="mod">
          <ac:chgData name="Merve Turhan" userId="3594cd17-5953-4511-8d53-8cfc799250e7" providerId="ADAL" clId="{01E56475-575D-4CD2-B720-B8D0ED314503}" dt="2022-02-21T13:07:03.356" v="1322"/>
          <ac:spMkLst>
            <pc:docMk/>
            <pc:sldMk cId="1123091943" sldId="281"/>
            <ac:spMk id="76" creationId="{6279DF99-4B74-4573-AA0C-F7D9B52C479A}"/>
          </ac:spMkLst>
        </pc:spChg>
        <pc:spChg chg="mod">
          <ac:chgData name="Merve Turhan" userId="3594cd17-5953-4511-8d53-8cfc799250e7" providerId="ADAL" clId="{01E56475-575D-4CD2-B720-B8D0ED314503}" dt="2022-02-21T13:07:03.357" v="1323"/>
          <ac:spMkLst>
            <pc:docMk/>
            <pc:sldMk cId="1123091943" sldId="281"/>
            <ac:spMk id="77" creationId="{3CEC7E39-9945-4E82-9738-175E8F859695}"/>
          </ac:spMkLst>
        </pc:spChg>
        <pc:spChg chg="mod">
          <ac:chgData name="Merve Turhan" userId="3594cd17-5953-4511-8d53-8cfc799250e7" providerId="ADAL" clId="{01E56475-575D-4CD2-B720-B8D0ED314503}" dt="2022-02-21T13:07:03.357" v="1324"/>
          <ac:spMkLst>
            <pc:docMk/>
            <pc:sldMk cId="1123091943" sldId="281"/>
            <ac:spMk id="78" creationId="{31B97DF3-A3DC-4B42-B3D2-F3C271518B87}"/>
          </ac:spMkLst>
        </pc:spChg>
        <pc:spChg chg="mod">
          <ac:chgData name="Merve Turhan" userId="3594cd17-5953-4511-8d53-8cfc799250e7" providerId="ADAL" clId="{01E56475-575D-4CD2-B720-B8D0ED314503}" dt="2022-02-21T13:07:03.357" v="1325"/>
          <ac:spMkLst>
            <pc:docMk/>
            <pc:sldMk cId="1123091943" sldId="281"/>
            <ac:spMk id="80" creationId="{50AD2ED4-33E5-4CAE-9DC7-23CFCB615D27}"/>
          </ac:spMkLst>
        </pc:spChg>
        <pc:spChg chg="mod">
          <ac:chgData name="Merve Turhan" userId="3594cd17-5953-4511-8d53-8cfc799250e7" providerId="ADAL" clId="{01E56475-575D-4CD2-B720-B8D0ED314503}" dt="2022-02-21T13:07:03.357" v="1326"/>
          <ac:spMkLst>
            <pc:docMk/>
            <pc:sldMk cId="1123091943" sldId="281"/>
            <ac:spMk id="85" creationId="{7AECBAC8-A900-439A-833B-B929C08C67EF}"/>
          </ac:spMkLst>
        </pc:spChg>
        <pc:spChg chg="mod">
          <ac:chgData name="Merve Turhan" userId="3594cd17-5953-4511-8d53-8cfc799250e7" providerId="ADAL" clId="{01E56475-575D-4CD2-B720-B8D0ED314503}" dt="2022-02-21T13:07:03.357" v="1327"/>
          <ac:spMkLst>
            <pc:docMk/>
            <pc:sldMk cId="1123091943" sldId="281"/>
            <ac:spMk id="86" creationId="{648F0643-40A2-4537-A9E0-24D40C469969}"/>
          </ac:spMkLst>
        </pc:spChg>
        <pc:spChg chg="mod">
          <ac:chgData name="Merve Turhan" userId="3594cd17-5953-4511-8d53-8cfc799250e7" providerId="ADAL" clId="{01E56475-575D-4CD2-B720-B8D0ED314503}" dt="2022-02-21T13:07:03.358" v="1328"/>
          <ac:spMkLst>
            <pc:docMk/>
            <pc:sldMk cId="1123091943" sldId="281"/>
            <ac:spMk id="87" creationId="{1DBBD052-2F1C-4A0C-91F0-B9EAC9A6B68E}"/>
          </ac:spMkLst>
        </pc:spChg>
        <pc:spChg chg="mod">
          <ac:chgData name="Merve Turhan" userId="3594cd17-5953-4511-8d53-8cfc799250e7" providerId="ADAL" clId="{01E56475-575D-4CD2-B720-B8D0ED314503}" dt="2022-02-21T13:07:03.358" v="1329" actId="790"/>
          <ac:spMkLst>
            <pc:docMk/>
            <pc:sldMk cId="1123091943" sldId="281"/>
            <ac:spMk id="96" creationId="{2D81C802-E5B2-4E08-B5FA-B64971D4F617}"/>
          </ac:spMkLst>
        </pc:spChg>
        <pc:spChg chg="mod">
          <ac:chgData name="Merve Turhan" userId="3594cd17-5953-4511-8d53-8cfc799250e7" providerId="ADAL" clId="{01E56475-575D-4CD2-B720-B8D0ED314503}" dt="2022-02-21T13:07:03.359" v="1330"/>
          <ac:spMkLst>
            <pc:docMk/>
            <pc:sldMk cId="1123091943" sldId="281"/>
            <ac:spMk id="100" creationId="{F04A44F7-66E4-4D6C-A00E-33E3B3D0BDF8}"/>
          </ac:spMkLst>
        </pc:spChg>
        <pc:spChg chg="mod">
          <ac:chgData name="Merve Turhan" userId="3594cd17-5953-4511-8d53-8cfc799250e7" providerId="ADAL" clId="{01E56475-575D-4CD2-B720-B8D0ED314503}" dt="2022-02-21T13:07:03.359" v="1331"/>
          <ac:spMkLst>
            <pc:docMk/>
            <pc:sldMk cId="1123091943" sldId="281"/>
            <ac:spMk id="101" creationId="{4D5FC1FE-124F-4A50-A5D2-43AE5B354C62}"/>
          </ac:spMkLst>
        </pc:spChg>
        <pc:spChg chg="mod">
          <ac:chgData name="Merve Turhan" userId="3594cd17-5953-4511-8d53-8cfc799250e7" providerId="ADAL" clId="{01E56475-575D-4CD2-B720-B8D0ED314503}" dt="2022-02-21T13:07:03.359" v="1332"/>
          <ac:spMkLst>
            <pc:docMk/>
            <pc:sldMk cId="1123091943" sldId="281"/>
            <ac:spMk id="104" creationId="{3DEB674D-16B3-4680-8D58-F41B98796673}"/>
          </ac:spMkLst>
        </pc:spChg>
        <pc:spChg chg="mod">
          <ac:chgData name="Merve Turhan" userId="3594cd17-5953-4511-8d53-8cfc799250e7" providerId="ADAL" clId="{01E56475-575D-4CD2-B720-B8D0ED314503}" dt="2022-02-21T13:07:03.359" v="1333"/>
          <ac:spMkLst>
            <pc:docMk/>
            <pc:sldMk cId="1123091943" sldId="281"/>
            <ac:spMk id="105" creationId="{1A578FC7-1B81-42E5-AF8F-DA8DDDAB5E80}"/>
          </ac:spMkLst>
        </pc:spChg>
      </pc:sldChg>
      <pc:sldChg chg="addSp delSp modSp mod ord modNotesTx">
        <pc:chgData name="Merve Turhan" userId="3594cd17-5953-4511-8d53-8cfc799250e7" providerId="ADAL" clId="{01E56475-575D-4CD2-B720-B8D0ED314503}" dt="2022-02-23T21:50:04.803" v="12571" actId="15"/>
        <pc:sldMkLst>
          <pc:docMk/>
          <pc:sldMk cId="1112123526" sldId="285"/>
        </pc:sldMkLst>
        <pc:spChg chg="mod">
          <ac:chgData name="Merve Turhan" userId="3594cd17-5953-4511-8d53-8cfc799250e7" providerId="ADAL" clId="{01E56475-575D-4CD2-B720-B8D0ED314503}" dt="2022-02-23T18:30:59.778" v="11490" actId="790"/>
          <ac:spMkLst>
            <pc:docMk/>
            <pc:sldMk cId="1112123526" sldId="285"/>
            <ac:spMk id="2" creationId="{0B8A7082-DB17-45FC-A3F5-45FD2AA6C076}"/>
          </ac:spMkLst>
        </pc:spChg>
        <pc:spChg chg="mod">
          <ac:chgData name="Merve Turhan" userId="3594cd17-5953-4511-8d53-8cfc799250e7" providerId="ADAL" clId="{01E56475-575D-4CD2-B720-B8D0ED314503}" dt="2022-02-23T21:50:04.803" v="12571" actId="15"/>
          <ac:spMkLst>
            <pc:docMk/>
            <pc:sldMk cId="1112123526" sldId="285"/>
            <ac:spMk id="3" creationId="{3E5B23EB-C8CD-4D5E-BE6C-FB30EB007902}"/>
          </ac:spMkLst>
        </pc:spChg>
        <pc:spChg chg="mod">
          <ac:chgData name="Merve Turhan" userId="3594cd17-5953-4511-8d53-8cfc799250e7" providerId="ADAL" clId="{01E56475-575D-4CD2-B720-B8D0ED314503}" dt="2022-02-23T18:30:59.782" v="11492" actId="790"/>
          <ac:spMkLst>
            <pc:docMk/>
            <pc:sldMk cId="1112123526" sldId="285"/>
            <ac:spMk id="4" creationId="{476694C2-AE53-47F3-A2CD-DC95CB2AC06E}"/>
          </ac:spMkLst>
        </pc:spChg>
        <pc:spChg chg="mod">
          <ac:chgData name="Merve Turhan" userId="3594cd17-5953-4511-8d53-8cfc799250e7" providerId="ADAL" clId="{01E56475-575D-4CD2-B720-B8D0ED314503}" dt="2022-02-23T18:30:59.783" v="11493" actId="790"/>
          <ac:spMkLst>
            <pc:docMk/>
            <pc:sldMk cId="1112123526" sldId="285"/>
            <ac:spMk id="5" creationId="{DBBDAAF0-C257-42E8-8778-33F369095B08}"/>
          </ac:spMkLst>
        </pc:spChg>
        <pc:spChg chg="mod">
          <ac:chgData name="Merve Turhan" userId="3594cd17-5953-4511-8d53-8cfc799250e7" providerId="ADAL" clId="{01E56475-575D-4CD2-B720-B8D0ED314503}" dt="2022-02-23T18:30:59.783" v="11494" actId="790"/>
          <ac:spMkLst>
            <pc:docMk/>
            <pc:sldMk cId="1112123526" sldId="285"/>
            <ac:spMk id="6" creationId="{73F28F7C-FDB7-4C54-B643-59C95F1891CF}"/>
          </ac:spMkLst>
        </pc:spChg>
        <pc:spChg chg="mod">
          <ac:chgData name="Merve Turhan" userId="3594cd17-5953-4511-8d53-8cfc799250e7" providerId="ADAL" clId="{01E56475-575D-4CD2-B720-B8D0ED314503}" dt="2022-02-23T18:30:59.784" v="11495" actId="790"/>
          <ac:spMkLst>
            <pc:docMk/>
            <pc:sldMk cId="1112123526" sldId="285"/>
            <ac:spMk id="7" creationId="{F588C0D0-1BBC-4CD2-94F9-68F2F5734F5A}"/>
          </ac:spMkLst>
        </pc:spChg>
        <pc:spChg chg="mod">
          <ac:chgData name="Merve Turhan" userId="3594cd17-5953-4511-8d53-8cfc799250e7" providerId="ADAL" clId="{01E56475-575D-4CD2-B720-B8D0ED314503}" dt="2022-02-23T18:30:59.786" v="11496" actId="790"/>
          <ac:spMkLst>
            <pc:docMk/>
            <pc:sldMk cId="1112123526" sldId="285"/>
            <ac:spMk id="8" creationId="{2DC050C8-8D7A-4E39-817D-9374CDFC2110}"/>
          </ac:spMkLst>
        </pc:spChg>
        <pc:spChg chg="mod">
          <ac:chgData name="Merve Turhan" userId="3594cd17-5953-4511-8d53-8cfc799250e7" providerId="ADAL" clId="{01E56475-575D-4CD2-B720-B8D0ED314503}" dt="2022-02-23T18:30:59.787" v="11497" actId="790"/>
          <ac:spMkLst>
            <pc:docMk/>
            <pc:sldMk cId="1112123526" sldId="285"/>
            <ac:spMk id="9" creationId="{B27B1656-AEED-43A4-B4E9-9779CB184DB2}"/>
          </ac:spMkLst>
        </pc:spChg>
        <pc:spChg chg="mod">
          <ac:chgData name="Merve Turhan" userId="3594cd17-5953-4511-8d53-8cfc799250e7" providerId="ADAL" clId="{01E56475-575D-4CD2-B720-B8D0ED314503}" dt="2022-02-23T18:30:59.788" v="11498" actId="790"/>
          <ac:spMkLst>
            <pc:docMk/>
            <pc:sldMk cId="1112123526" sldId="285"/>
            <ac:spMk id="10" creationId="{8EDE5C98-4FEE-4E38-86E4-37D4A2FF80EB}"/>
          </ac:spMkLst>
        </pc:spChg>
        <pc:spChg chg="del mod">
          <ac:chgData name="Merve Turhan" userId="3594cd17-5953-4511-8d53-8cfc799250e7" providerId="ADAL" clId="{01E56475-575D-4CD2-B720-B8D0ED314503}" dt="2022-02-21T17:25:09.868" v="2037" actId="478"/>
          <ac:spMkLst>
            <pc:docMk/>
            <pc:sldMk cId="1112123526" sldId="285"/>
            <ac:spMk id="12" creationId="{135A7844-A687-4231-94A7-367383059625}"/>
          </ac:spMkLst>
        </pc:spChg>
        <pc:spChg chg="mod">
          <ac:chgData name="Merve Turhan" userId="3594cd17-5953-4511-8d53-8cfc799250e7" providerId="ADAL" clId="{01E56475-575D-4CD2-B720-B8D0ED314503}" dt="2022-02-23T18:30:59.791" v="11501" actId="790"/>
          <ac:spMkLst>
            <pc:docMk/>
            <pc:sldMk cId="1112123526" sldId="285"/>
            <ac:spMk id="13" creationId="{0701518D-15A6-408F-9BBA-9571C85F81D4}"/>
          </ac:spMkLst>
        </pc:spChg>
        <pc:spChg chg="mod">
          <ac:chgData name="Merve Turhan" userId="3594cd17-5953-4511-8d53-8cfc799250e7" providerId="ADAL" clId="{01E56475-575D-4CD2-B720-B8D0ED314503}" dt="2022-02-23T18:30:59.792" v="11502" actId="790"/>
          <ac:spMkLst>
            <pc:docMk/>
            <pc:sldMk cId="1112123526" sldId="285"/>
            <ac:spMk id="14" creationId="{B7AF1829-1784-4A90-8EAE-82C365FEA5F0}"/>
          </ac:spMkLst>
        </pc:spChg>
        <pc:spChg chg="del mod">
          <ac:chgData name="Merve Turhan" userId="3594cd17-5953-4511-8d53-8cfc799250e7" providerId="ADAL" clId="{01E56475-575D-4CD2-B720-B8D0ED314503}" dt="2022-02-21T17:25:06.669" v="2035" actId="478"/>
          <ac:spMkLst>
            <pc:docMk/>
            <pc:sldMk cId="1112123526" sldId="285"/>
            <ac:spMk id="15" creationId="{5CDC02B3-D110-4E46-BBE3-49B834C0C13B}"/>
          </ac:spMkLst>
        </pc:spChg>
        <pc:spChg chg="del mod">
          <ac:chgData name="Merve Turhan" userId="3594cd17-5953-4511-8d53-8cfc799250e7" providerId="ADAL" clId="{01E56475-575D-4CD2-B720-B8D0ED314503}" dt="2022-02-21T17:25:04.754" v="2034" actId="478"/>
          <ac:spMkLst>
            <pc:docMk/>
            <pc:sldMk cId="1112123526" sldId="285"/>
            <ac:spMk id="20" creationId="{F0C152D9-48B8-4C7A-922E-1D35681EA555}"/>
          </ac:spMkLst>
        </pc:spChg>
        <pc:spChg chg="del mod">
          <ac:chgData name="Merve Turhan" userId="3594cd17-5953-4511-8d53-8cfc799250e7" providerId="ADAL" clId="{01E56475-575D-4CD2-B720-B8D0ED314503}" dt="2022-02-21T17:25:08.433" v="2036" actId="478"/>
          <ac:spMkLst>
            <pc:docMk/>
            <pc:sldMk cId="1112123526" sldId="285"/>
            <ac:spMk id="21" creationId="{BD774571-FCA2-4D26-976D-712E3B2D008B}"/>
          </ac:spMkLst>
        </pc:spChg>
        <pc:spChg chg="add mod">
          <ac:chgData name="Merve Turhan" userId="3594cd17-5953-4511-8d53-8cfc799250e7" providerId="ADAL" clId="{01E56475-575D-4CD2-B720-B8D0ED314503}" dt="2022-02-23T18:30:59.793" v="11503" actId="790"/>
          <ac:spMkLst>
            <pc:docMk/>
            <pc:sldMk cId="1112123526" sldId="285"/>
            <ac:spMk id="22" creationId="{D211F8AC-D34B-4DCD-BCA9-40AA664B12AD}"/>
          </ac:spMkLst>
        </pc:spChg>
        <pc:spChg chg="mod">
          <ac:chgData name="Merve Turhan" userId="3594cd17-5953-4511-8d53-8cfc799250e7" providerId="ADAL" clId="{01E56475-575D-4CD2-B720-B8D0ED314503}" dt="2022-02-23T18:30:59.789" v="11499" actId="790"/>
          <ac:spMkLst>
            <pc:docMk/>
            <pc:sldMk cId="1112123526" sldId="285"/>
            <ac:spMk id="23" creationId="{69C3123C-73E5-44C3-BE8D-F3DB941FC640}"/>
          </ac:spMkLst>
        </pc:spChg>
        <pc:spChg chg="mod">
          <ac:chgData name="Merve Turhan" userId="3594cd17-5953-4511-8d53-8cfc799250e7" providerId="ADAL" clId="{01E56475-575D-4CD2-B720-B8D0ED314503}" dt="2022-02-23T18:30:59.790" v="11500" actId="790"/>
          <ac:spMkLst>
            <pc:docMk/>
            <pc:sldMk cId="1112123526" sldId="285"/>
            <ac:spMk id="24" creationId="{BC40C7E2-5E17-436B-9232-E8E1774D4E8D}"/>
          </ac:spMkLst>
        </pc:spChg>
        <pc:spChg chg="add mod">
          <ac:chgData name="Merve Turhan" userId="3594cd17-5953-4511-8d53-8cfc799250e7" providerId="ADAL" clId="{01E56475-575D-4CD2-B720-B8D0ED314503}" dt="2022-02-23T18:30:59.795" v="11504" actId="790"/>
          <ac:spMkLst>
            <pc:docMk/>
            <pc:sldMk cId="1112123526" sldId="285"/>
            <ac:spMk id="25" creationId="{84736A0A-2B3F-4E90-BEF2-84A9C681C5B8}"/>
          </ac:spMkLst>
        </pc:spChg>
        <pc:spChg chg="add mod">
          <ac:chgData name="Merve Turhan" userId="3594cd17-5953-4511-8d53-8cfc799250e7" providerId="ADAL" clId="{01E56475-575D-4CD2-B720-B8D0ED314503}" dt="2022-02-23T18:30:59.796" v="11505" actId="790"/>
          <ac:spMkLst>
            <pc:docMk/>
            <pc:sldMk cId="1112123526" sldId="285"/>
            <ac:spMk id="26" creationId="{E148C23E-982D-40DA-929F-3253981FC4FF}"/>
          </ac:spMkLst>
        </pc:spChg>
        <pc:spChg chg="add mod">
          <ac:chgData name="Merve Turhan" userId="3594cd17-5953-4511-8d53-8cfc799250e7" providerId="ADAL" clId="{01E56475-575D-4CD2-B720-B8D0ED314503}" dt="2022-02-23T18:30:59.797" v="11506" actId="790"/>
          <ac:spMkLst>
            <pc:docMk/>
            <pc:sldMk cId="1112123526" sldId="285"/>
            <ac:spMk id="27" creationId="{065F2AD6-3473-4628-A0C5-6F70D4EF788F}"/>
          </ac:spMkLst>
        </pc:spChg>
        <pc:spChg chg="del mod">
          <ac:chgData name="Merve Turhan" userId="3594cd17-5953-4511-8d53-8cfc799250e7" providerId="ADAL" clId="{01E56475-575D-4CD2-B720-B8D0ED314503}" dt="2022-02-21T17:25:00.958" v="2033" actId="478"/>
          <ac:spMkLst>
            <pc:docMk/>
            <pc:sldMk cId="1112123526" sldId="285"/>
            <ac:spMk id="28" creationId="{47703B0E-CD2F-42FB-ACAC-2653B940815F}"/>
          </ac:spMkLst>
        </pc:spChg>
        <pc:spChg chg="del mod">
          <ac:chgData name="Merve Turhan" userId="3594cd17-5953-4511-8d53-8cfc799250e7" providerId="ADAL" clId="{01E56475-575D-4CD2-B720-B8D0ED314503}" dt="2022-02-21T17:24:57.730" v="2031" actId="478"/>
          <ac:spMkLst>
            <pc:docMk/>
            <pc:sldMk cId="1112123526" sldId="285"/>
            <ac:spMk id="29" creationId="{66E99AEB-A9A6-4B55-9CD2-58E90233E5C6}"/>
          </ac:spMkLst>
        </pc:spChg>
        <pc:spChg chg="add mod">
          <ac:chgData name="Merve Turhan" userId="3594cd17-5953-4511-8d53-8cfc799250e7" providerId="ADAL" clId="{01E56475-575D-4CD2-B720-B8D0ED314503}" dt="2022-02-23T18:30:59.798" v="11507" actId="790"/>
          <ac:spMkLst>
            <pc:docMk/>
            <pc:sldMk cId="1112123526" sldId="285"/>
            <ac:spMk id="30" creationId="{32E7E5CB-E429-4A58-8354-177F9F4414B6}"/>
          </ac:spMkLst>
        </pc:spChg>
        <pc:spChg chg="add mod">
          <ac:chgData name="Merve Turhan" userId="3594cd17-5953-4511-8d53-8cfc799250e7" providerId="ADAL" clId="{01E56475-575D-4CD2-B720-B8D0ED314503}" dt="2022-02-23T18:30:59.800" v="11508" actId="790"/>
          <ac:spMkLst>
            <pc:docMk/>
            <pc:sldMk cId="1112123526" sldId="285"/>
            <ac:spMk id="31" creationId="{57AE635B-BDA1-4D85-A549-BFC8E78461AB}"/>
          </ac:spMkLst>
        </pc:spChg>
        <pc:spChg chg="add mod">
          <ac:chgData name="Merve Turhan" userId="3594cd17-5953-4511-8d53-8cfc799250e7" providerId="ADAL" clId="{01E56475-575D-4CD2-B720-B8D0ED314503}" dt="2022-02-23T18:30:59.800" v="11509" actId="790"/>
          <ac:spMkLst>
            <pc:docMk/>
            <pc:sldMk cId="1112123526" sldId="285"/>
            <ac:spMk id="32" creationId="{91284B49-50DF-471E-9421-DCDF3FF32BE2}"/>
          </ac:spMkLst>
        </pc:spChg>
        <pc:spChg chg="add mod">
          <ac:chgData name="Merve Turhan" userId="3594cd17-5953-4511-8d53-8cfc799250e7" providerId="ADAL" clId="{01E56475-575D-4CD2-B720-B8D0ED314503}" dt="2022-02-23T18:30:59.802" v="11510" actId="790"/>
          <ac:spMkLst>
            <pc:docMk/>
            <pc:sldMk cId="1112123526" sldId="285"/>
            <ac:spMk id="33" creationId="{47A96356-51D1-4C9E-80CF-EE5342671801}"/>
          </ac:spMkLst>
        </pc:spChg>
        <pc:spChg chg="add mod">
          <ac:chgData name="Merve Turhan" userId="3594cd17-5953-4511-8d53-8cfc799250e7" providerId="ADAL" clId="{01E56475-575D-4CD2-B720-B8D0ED314503}" dt="2022-02-23T18:30:59.802" v="11511" actId="790"/>
          <ac:spMkLst>
            <pc:docMk/>
            <pc:sldMk cId="1112123526" sldId="285"/>
            <ac:spMk id="34" creationId="{E42E74A0-2F77-4C20-BF70-DB71DDE9939B}"/>
          </ac:spMkLst>
        </pc:spChg>
        <pc:spChg chg="add mod">
          <ac:chgData name="Merve Turhan" userId="3594cd17-5953-4511-8d53-8cfc799250e7" providerId="ADAL" clId="{01E56475-575D-4CD2-B720-B8D0ED314503}" dt="2022-02-23T18:30:59.803" v="11512" actId="790"/>
          <ac:spMkLst>
            <pc:docMk/>
            <pc:sldMk cId="1112123526" sldId="285"/>
            <ac:spMk id="35" creationId="{5C214C05-D6A9-4D38-BA47-CCF81ACC8B5A}"/>
          </ac:spMkLst>
        </pc:spChg>
        <pc:spChg chg="add mod">
          <ac:chgData name="Merve Turhan" userId="3594cd17-5953-4511-8d53-8cfc799250e7" providerId="ADAL" clId="{01E56475-575D-4CD2-B720-B8D0ED314503}" dt="2022-02-23T18:30:59.804" v="11513" actId="790"/>
          <ac:spMkLst>
            <pc:docMk/>
            <pc:sldMk cId="1112123526" sldId="285"/>
            <ac:spMk id="36" creationId="{EC13264F-3AF9-4EA0-B0E6-5E12F888811C}"/>
          </ac:spMkLst>
        </pc:spChg>
        <pc:spChg chg="add mod">
          <ac:chgData name="Merve Turhan" userId="3594cd17-5953-4511-8d53-8cfc799250e7" providerId="ADAL" clId="{01E56475-575D-4CD2-B720-B8D0ED314503}" dt="2022-02-23T18:30:59.805" v="11514" actId="790"/>
          <ac:spMkLst>
            <pc:docMk/>
            <pc:sldMk cId="1112123526" sldId="285"/>
            <ac:spMk id="37" creationId="{433EC486-7963-4D0C-AF62-D4F9F845DFF5}"/>
          </ac:spMkLst>
        </pc:spChg>
      </pc:sldChg>
      <pc:sldChg chg="modSp del mod">
        <pc:chgData name="Merve Turhan" userId="3594cd17-5953-4511-8d53-8cfc799250e7" providerId="ADAL" clId="{01E56475-575D-4CD2-B720-B8D0ED314503}" dt="2022-02-21T19:08:41.999" v="2481" actId="47"/>
        <pc:sldMkLst>
          <pc:docMk/>
          <pc:sldMk cId="366905889" sldId="286"/>
        </pc:sldMkLst>
        <pc:spChg chg="mod">
          <ac:chgData name="Merve Turhan" userId="3594cd17-5953-4511-8d53-8cfc799250e7" providerId="ADAL" clId="{01E56475-575D-4CD2-B720-B8D0ED314503}" dt="2022-02-21T13:07:03.387" v="1380" actId="790"/>
          <ac:spMkLst>
            <pc:docMk/>
            <pc:sldMk cId="366905889" sldId="286"/>
            <ac:spMk id="2" creationId="{145A5B86-CDEE-4EAD-814B-D0C826FD40F3}"/>
          </ac:spMkLst>
        </pc:spChg>
        <pc:spChg chg="mod">
          <ac:chgData name="Merve Turhan" userId="3594cd17-5953-4511-8d53-8cfc799250e7" providerId="ADAL" clId="{01E56475-575D-4CD2-B720-B8D0ED314503}" dt="2022-02-21T13:07:03.389" v="1381" actId="790"/>
          <ac:spMkLst>
            <pc:docMk/>
            <pc:sldMk cId="366905889" sldId="286"/>
            <ac:spMk id="3" creationId="{0725F03B-7FF5-4B82-84E1-122CEE6079CC}"/>
          </ac:spMkLst>
        </pc:spChg>
        <pc:spChg chg="mod">
          <ac:chgData name="Merve Turhan" userId="3594cd17-5953-4511-8d53-8cfc799250e7" providerId="ADAL" clId="{01E56475-575D-4CD2-B720-B8D0ED314503}" dt="2022-02-21T13:07:03.391" v="1383"/>
          <ac:spMkLst>
            <pc:docMk/>
            <pc:sldMk cId="366905889" sldId="286"/>
            <ac:spMk id="5" creationId="{C0E43549-C2F3-4226-8CF6-5A3B88C76930}"/>
          </ac:spMkLst>
        </pc:spChg>
        <pc:spChg chg="mod">
          <ac:chgData name="Merve Turhan" userId="3594cd17-5953-4511-8d53-8cfc799250e7" providerId="ADAL" clId="{01E56475-575D-4CD2-B720-B8D0ED314503}" dt="2022-02-21T13:07:03.390" v="1382" actId="790"/>
          <ac:spMkLst>
            <pc:docMk/>
            <pc:sldMk cId="366905889" sldId="286"/>
            <ac:spMk id="6" creationId="{0BF68993-B3F5-44AD-A7C7-CD355E77AE73}"/>
          </ac:spMkLst>
        </pc:spChg>
        <pc:spChg chg="mod">
          <ac:chgData name="Merve Turhan" userId="3594cd17-5953-4511-8d53-8cfc799250e7" providerId="ADAL" clId="{01E56475-575D-4CD2-B720-B8D0ED314503}" dt="2022-02-21T13:07:03.391" v="1384"/>
          <ac:spMkLst>
            <pc:docMk/>
            <pc:sldMk cId="366905889" sldId="286"/>
            <ac:spMk id="7" creationId="{8C106D0A-D965-4685-BB94-2ACB5AF9597B}"/>
          </ac:spMkLst>
        </pc:spChg>
        <pc:spChg chg="mod">
          <ac:chgData name="Merve Turhan" userId="3594cd17-5953-4511-8d53-8cfc799250e7" providerId="ADAL" clId="{01E56475-575D-4CD2-B720-B8D0ED314503}" dt="2022-02-21T13:07:03.392" v="1385"/>
          <ac:spMkLst>
            <pc:docMk/>
            <pc:sldMk cId="366905889" sldId="286"/>
            <ac:spMk id="8" creationId="{79D7E8FD-5ABF-4C09-B53D-EA9670B7FB8E}"/>
          </ac:spMkLst>
        </pc:spChg>
        <pc:spChg chg="mod">
          <ac:chgData name="Merve Turhan" userId="3594cd17-5953-4511-8d53-8cfc799250e7" providerId="ADAL" clId="{01E56475-575D-4CD2-B720-B8D0ED314503}" dt="2022-02-21T13:07:03.392" v="1386"/>
          <ac:spMkLst>
            <pc:docMk/>
            <pc:sldMk cId="366905889" sldId="286"/>
            <ac:spMk id="9" creationId="{B01D6B3A-4943-432B-ABB6-0C8FFC81B081}"/>
          </ac:spMkLst>
        </pc:spChg>
        <pc:spChg chg="mod">
          <ac:chgData name="Merve Turhan" userId="3594cd17-5953-4511-8d53-8cfc799250e7" providerId="ADAL" clId="{01E56475-575D-4CD2-B720-B8D0ED314503}" dt="2022-02-21T13:07:03.392" v="1387"/>
          <ac:spMkLst>
            <pc:docMk/>
            <pc:sldMk cId="366905889" sldId="286"/>
            <ac:spMk id="10" creationId="{4241CF5A-E452-4CC5-A14B-161655AA5210}"/>
          </ac:spMkLst>
        </pc:spChg>
        <pc:spChg chg="mod">
          <ac:chgData name="Merve Turhan" userId="3594cd17-5953-4511-8d53-8cfc799250e7" providerId="ADAL" clId="{01E56475-575D-4CD2-B720-B8D0ED314503}" dt="2022-02-21T13:07:03.393" v="1388"/>
          <ac:spMkLst>
            <pc:docMk/>
            <pc:sldMk cId="366905889" sldId="286"/>
            <ac:spMk id="12" creationId="{64BB2DB5-8C49-4D99-B31C-F12262415E5E}"/>
          </ac:spMkLst>
        </pc:spChg>
        <pc:spChg chg="mod">
          <ac:chgData name="Merve Turhan" userId="3594cd17-5953-4511-8d53-8cfc799250e7" providerId="ADAL" clId="{01E56475-575D-4CD2-B720-B8D0ED314503}" dt="2022-02-21T13:07:03.393" v="1389" actId="790"/>
          <ac:spMkLst>
            <pc:docMk/>
            <pc:sldMk cId="366905889" sldId="286"/>
            <ac:spMk id="13" creationId="{C6C3BBBC-5107-4865-B187-2688BAFA356D}"/>
          </ac:spMkLst>
        </pc:spChg>
        <pc:spChg chg="mod">
          <ac:chgData name="Merve Turhan" userId="3594cd17-5953-4511-8d53-8cfc799250e7" providerId="ADAL" clId="{01E56475-575D-4CD2-B720-B8D0ED314503}" dt="2022-02-21T13:07:03.398" v="1399" actId="790"/>
          <ac:spMkLst>
            <pc:docMk/>
            <pc:sldMk cId="366905889" sldId="286"/>
            <ac:spMk id="15" creationId="{7FA5CDBF-B92D-4B7B-A961-0C6F431FAA76}"/>
          </ac:spMkLst>
        </pc:spChg>
        <pc:spChg chg="mod">
          <ac:chgData name="Merve Turhan" userId="3594cd17-5953-4511-8d53-8cfc799250e7" providerId="ADAL" clId="{01E56475-575D-4CD2-B720-B8D0ED314503}" dt="2022-02-21T13:07:03.395" v="1393" actId="790"/>
          <ac:spMkLst>
            <pc:docMk/>
            <pc:sldMk cId="366905889" sldId="286"/>
            <ac:spMk id="16" creationId="{8C6D67DD-4DB8-4C3C-B5E3-89FDF6C95CEE}"/>
          </ac:spMkLst>
        </pc:spChg>
        <pc:spChg chg="mod">
          <ac:chgData name="Merve Turhan" userId="3594cd17-5953-4511-8d53-8cfc799250e7" providerId="ADAL" clId="{01E56475-575D-4CD2-B720-B8D0ED314503}" dt="2022-02-21T13:07:03.394" v="1390"/>
          <ac:spMkLst>
            <pc:docMk/>
            <pc:sldMk cId="366905889" sldId="286"/>
            <ac:spMk id="17" creationId="{BEA32D59-A05B-40B6-824B-EF059F9DC62A}"/>
          </ac:spMkLst>
        </pc:spChg>
        <pc:spChg chg="mod">
          <ac:chgData name="Merve Turhan" userId="3594cd17-5953-4511-8d53-8cfc799250e7" providerId="ADAL" clId="{01E56475-575D-4CD2-B720-B8D0ED314503}" dt="2022-02-21T13:07:03.394" v="1391"/>
          <ac:spMkLst>
            <pc:docMk/>
            <pc:sldMk cId="366905889" sldId="286"/>
            <ac:spMk id="18" creationId="{B24DBF0D-EABE-46D6-9163-3A816515C754}"/>
          </ac:spMkLst>
        </pc:spChg>
        <pc:spChg chg="mod">
          <ac:chgData name="Merve Turhan" userId="3594cd17-5953-4511-8d53-8cfc799250e7" providerId="ADAL" clId="{01E56475-575D-4CD2-B720-B8D0ED314503}" dt="2022-02-21T13:07:03.395" v="1394" actId="790"/>
          <ac:spMkLst>
            <pc:docMk/>
            <pc:sldMk cId="366905889" sldId="286"/>
            <ac:spMk id="19" creationId="{2DE67F0F-390D-4EC9-A617-859D59C03ABA}"/>
          </ac:spMkLst>
        </pc:spChg>
        <pc:spChg chg="mod">
          <ac:chgData name="Merve Turhan" userId="3594cd17-5953-4511-8d53-8cfc799250e7" providerId="ADAL" clId="{01E56475-575D-4CD2-B720-B8D0ED314503}" dt="2022-02-21T13:07:03.396" v="1395" actId="790"/>
          <ac:spMkLst>
            <pc:docMk/>
            <pc:sldMk cId="366905889" sldId="286"/>
            <ac:spMk id="20" creationId="{7987F481-7023-441E-A567-FCBA9018C3EE}"/>
          </ac:spMkLst>
        </pc:spChg>
        <pc:spChg chg="mod">
          <ac:chgData name="Merve Turhan" userId="3594cd17-5953-4511-8d53-8cfc799250e7" providerId="ADAL" clId="{01E56475-575D-4CD2-B720-B8D0ED314503}" dt="2022-02-21T13:07:03.396" v="1396" actId="790"/>
          <ac:spMkLst>
            <pc:docMk/>
            <pc:sldMk cId="366905889" sldId="286"/>
            <ac:spMk id="21" creationId="{356A237E-CE32-4691-94C1-8E6B7F385B5B}"/>
          </ac:spMkLst>
        </pc:spChg>
        <pc:spChg chg="mod">
          <ac:chgData name="Merve Turhan" userId="3594cd17-5953-4511-8d53-8cfc799250e7" providerId="ADAL" clId="{01E56475-575D-4CD2-B720-B8D0ED314503}" dt="2022-02-21T13:07:03.397" v="1397" actId="790"/>
          <ac:spMkLst>
            <pc:docMk/>
            <pc:sldMk cId="366905889" sldId="286"/>
            <ac:spMk id="23" creationId="{75781FB5-1B90-4C03-B049-79393A8FB597}"/>
          </ac:spMkLst>
        </pc:spChg>
        <pc:spChg chg="mod">
          <ac:chgData name="Merve Turhan" userId="3594cd17-5953-4511-8d53-8cfc799250e7" providerId="ADAL" clId="{01E56475-575D-4CD2-B720-B8D0ED314503}" dt="2022-02-21T13:07:03.397" v="1398" actId="790"/>
          <ac:spMkLst>
            <pc:docMk/>
            <pc:sldMk cId="366905889" sldId="286"/>
            <ac:spMk id="24" creationId="{342FF2F1-0AEC-47AE-9E83-318EDB52D1AF}"/>
          </ac:spMkLst>
        </pc:spChg>
        <pc:spChg chg="mod">
          <ac:chgData name="Merve Turhan" userId="3594cd17-5953-4511-8d53-8cfc799250e7" providerId="ADAL" clId="{01E56475-575D-4CD2-B720-B8D0ED314503}" dt="2022-02-21T13:07:03.394" v="1392"/>
          <ac:spMkLst>
            <pc:docMk/>
            <pc:sldMk cId="366905889" sldId="286"/>
            <ac:spMk id="28" creationId="{E1FCDE4D-32F1-4BFA-B671-9B794B96BA60}"/>
          </ac:spMkLst>
        </pc:spChg>
      </pc:sldChg>
      <pc:sldChg chg="modSp mod ord modAnim modNotesTx">
        <pc:chgData name="Merve Turhan" userId="3594cd17-5953-4511-8d53-8cfc799250e7" providerId="ADAL" clId="{01E56475-575D-4CD2-B720-B8D0ED314503}" dt="2022-02-23T19:15:03.664" v="12168" actId="20577"/>
        <pc:sldMkLst>
          <pc:docMk/>
          <pc:sldMk cId="1059806586" sldId="289"/>
        </pc:sldMkLst>
        <pc:spChg chg="mod">
          <ac:chgData name="Merve Turhan" userId="3594cd17-5953-4511-8d53-8cfc799250e7" providerId="ADAL" clId="{01E56475-575D-4CD2-B720-B8D0ED314503}" dt="2022-02-23T18:30:59.698" v="11364" actId="790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3T19:15:03.664" v="12168" actId="20577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3T18:30:59.700" v="11366" actId="79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3T18:30:59.701" v="11367" actId="790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3T18:30:59.702" v="11368" actId="790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3T18:30:59.702" v="11369" actId="790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3T18:30:59.703" v="11370" actId="790"/>
          <ac:spMkLst>
            <pc:docMk/>
            <pc:sldMk cId="1059806586" sldId="289"/>
            <ac:spMk id="15" creationId="{80EDF406-7701-48DD-AAB0-B20D9721C7CC}"/>
          </ac:spMkLst>
        </pc:spChg>
      </pc:sldChg>
      <pc:sldChg chg="modSp mod">
        <pc:chgData name="Merve Turhan" userId="3594cd17-5953-4511-8d53-8cfc799250e7" providerId="ADAL" clId="{01E56475-575D-4CD2-B720-B8D0ED314503}" dt="2022-02-23T18:30:59.709" v="11376"/>
        <pc:sldMkLst>
          <pc:docMk/>
          <pc:sldMk cId="1230394214" sldId="292"/>
        </pc:sldMkLst>
        <pc:spChg chg="mod">
          <ac:chgData name="Merve Turhan" userId="3594cd17-5953-4511-8d53-8cfc799250e7" providerId="ADAL" clId="{01E56475-575D-4CD2-B720-B8D0ED314503}" dt="2022-02-23T18:30:59.708" v="11375" actId="790"/>
          <ac:spMkLst>
            <pc:docMk/>
            <pc:sldMk cId="1230394214" sldId="292"/>
            <ac:spMk id="2" creationId="{74BCF9DA-A64D-4CE2-A43E-6FBD3F89CCB5}"/>
          </ac:spMkLst>
        </pc:spChg>
        <pc:spChg chg="mod">
          <ac:chgData name="Merve Turhan" userId="3594cd17-5953-4511-8d53-8cfc799250e7" providerId="ADAL" clId="{01E56475-575D-4CD2-B720-B8D0ED314503}" dt="2022-02-23T18:30:59.709" v="11376"/>
          <ac:spMkLst>
            <pc:docMk/>
            <pc:sldMk cId="1230394214" sldId="292"/>
            <ac:spMk id="3" creationId="{C8328C16-31B5-4F52-AA9D-3BB35B224ABB}"/>
          </ac:spMkLst>
        </pc:spChg>
      </pc:sldChg>
      <pc:sldChg chg="modSp del mod">
        <pc:chgData name="Merve Turhan" userId="3594cd17-5953-4511-8d53-8cfc799250e7" providerId="ADAL" clId="{01E56475-575D-4CD2-B720-B8D0ED314503}" dt="2022-02-21T13:05:14.241" v="1226" actId="47"/>
        <pc:sldMkLst>
          <pc:docMk/>
          <pc:sldMk cId="183667758" sldId="483"/>
        </pc:sldMkLst>
        <pc:spChg chg="mod">
          <ac:chgData name="Merve Turhan" userId="3594cd17-5953-4511-8d53-8cfc799250e7" providerId="ADAL" clId="{01E56475-575D-4CD2-B720-B8D0ED314503}" dt="2022-02-21T08:08:38.948" v="479" actId="790"/>
          <ac:spMkLst>
            <pc:docMk/>
            <pc:sldMk cId="183667758" sldId="483"/>
            <ac:spMk id="2" creationId="{F6874C52-C64D-4484-AC7B-A1D04547743F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1" creationId="{D538D0C1-E7D8-4463-8F9F-54BA66E35742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2" creationId="{994CC80B-D9F1-4474-9ACB-DDFB4E2A63CD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3" creationId="{5B73B1CD-54E0-40B2-BDA1-BB71CD88737E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4" creationId="{9552DFB6-D6BC-4796-AD67-06BEA674F4ED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5" creationId="{8D458109-C9C4-4DA5-A226-D28EE1B396F7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6" creationId="{4E0F7CF2-1CD9-40A6-BFE5-A9DC83B848C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7" creationId="{9B8E3EF8-E79E-46C5-BDD6-A5207C3E92A2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8" creationId="{6F5D111A-335F-4622-99E1-6230FD519413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9" creationId="{6669DF75-9D61-436C-AF05-B734407C1681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0" creationId="{ACDB0512-209B-4C28-922E-A341E9629EF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2" creationId="{B71FB6CF-2F31-47C2-8C81-641230E6ECE0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3" creationId="{F8421694-2489-4B06-B52E-B2668589F03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4" creationId="{6FEA40EF-5354-418D-BB10-C0401F5C5A1E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5" creationId="{7E236D07-CEEB-47AA-B510-079F41177C47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7" creationId="{06736CEE-EA9E-4BAA-B74C-B28322E37A0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8" creationId="{C9DE278B-69CB-46C1-9161-1C99B6A8F93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9" creationId="{CB01680A-42AD-4F9E-8667-8CF47B77C1C9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0" creationId="{A281E302-A15E-4D96-B0F6-18897CE8827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1" creationId="{0A1D7B2A-ADB7-45D3-B3E9-C05C6C38196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2" creationId="{51549AFE-904E-4BEE-AFC5-EEC9A20B058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3" creationId="{F27E32A4-10D4-4CFA-940B-6A903E94B759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4" creationId="{1060D20B-A8D5-4749-830E-19DC485AB685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9" creationId="{7AAC3999-FF0E-4B5D-9DA1-8EE5860D93CC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43" creationId="{20660B54-72C3-425B-A626-6C3FFE4544C1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59" creationId="{052CC577-064A-4D1D-BD86-6DEE1E8596BD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0" creationId="{C2C74F37-BE24-456B-B2EC-EF0FA66C050C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1" creationId="{BF6A9C65-4F6C-4C91-B86D-A7203F84C69B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2" creationId="{F7C23F90-A5F4-458D-8A46-EEED42A92686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3" creationId="{F3F88ABE-DEFB-4E58-8BEE-EC46E4A9ABBC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4" creationId="{C326DB12-453F-4DEC-92B9-0234FF89CED3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5" creationId="{F1C25C1C-977F-4620-9A44-C99411B5F7D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6" creationId="{EEE79983-0790-469B-B22C-9E60E2A49433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7" creationId="{094C3BAB-8E02-4AC3-8050-636C6F75A0C9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8" creationId="{CBAAC4DC-4BA9-4C06-A03D-C827F523007B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9" creationId="{574161A8-99D6-4EBF-9BB8-FF0D41D995F6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0" creationId="{D573FE07-FBA4-4245-B248-A3B3C9613C75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1" creationId="{D5D80F4F-FF14-4621-8732-CF4D8E8EE906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2" creationId="{85D923AA-C197-4F6D-BBD8-1E88D95355CC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3" creationId="{C7155363-2B8C-4DA1-806F-DE73750B8AC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4" creationId="{66848A03-019E-4848-8804-A506CC875D2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5" creationId="{51216EA6-BB54-42D7-9F83-2CF25D735365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9" creationId="{B8C69B60-8F8B-4DAD-8FCE-27D68162089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0" creationId="{6E7DBDAA-C100-464A-AC29-0F9CF44F9497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1" creationId="{3193B1D3-DA19-462E-91B1-822F2D0E4AB6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4" creationId="{40164D88-57F9-47F1-B3D3-A120B0448E41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5" creationId="{5A0C0CFB-EB46-4B01-96AF-7A6808C56275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6" creationId="{EA98988E-7CE0-4B89-A25B-4929982B860F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8" creationId="{95D71460-34FA-4514-8B63-1722D607DEF6}"/>
          </ac:spMkLst>
        </pc:spChg>
        <pc:spChg chg="mod">
          <ac:chgData name="Merve Turhan" userId="3594cd17-5953-4511-8d53-8cfc799250e7" providerId="ADAL" clId="{01E56475-575D-4CD2-B720-B8D0ED314503}" dt="2022-02-21T08:08:38.950" v="480"/>
          <ac:spMkLst>
            <pc:docMk/>
            <pc:sldMk cId="183667758" sldId="483"/>
            <ac:spMk id="91" creationId="{82C5D878-B228-44D1-BF3C-ECAFECFB5CA5}"/>
          </ac:spMkLst>
        </pc:s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4" creationId="{B95D1978-0EA3-4DA2-8B53-2E0755C32ADF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10" creationId="{14C2DE71-1A48-45BF-8AB7-0727E59FF14E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21" creationId="{98DFEA08-0FB4-443A-93FF-A028EB12FC9F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26" creationId="{A1EEA21E-B80D-4F6B-944A-34B9590346E0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36" creationId="{10B5A4D7-0931-47D0-B179-241498DE1E32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46" creationId="{B0F2B0CF-C419-45CF-9845-36108833CD30}"/>
          </ac:grpSpMkLst>
        </pc:grp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" creationId="{B8B4BC3A-5921-4FD0-A469-F5D5E8D0EBB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6" creationId="{CA597265-9D68-4084-BDC7-F1C9256660FE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7" creationId="{2931241F-D6D5-4C92-8176-849AEA9AB73B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" creationId="{2C5322B1-947F-4CD2-A372-4219F3AFB14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9" creationId="{D0C2564D-5588-41C3-BFE6-4212B6E5BF1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35" creationId="{46A6D5A2-5589-4180-8CCE-9E377ADAA0C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37" creationId="{4C9A5F38-6F46-437E-914F-7675200FDA46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38" creationId="{023D4D45-51BE-4C78-8B74-9D1DB4B7ADD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0" creationId="{CA07F653-E95B-46B2-B64E-17D2C6E0916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1" creationId="{3E441E4D-53E8-45FF-A34C-D3FD0C8D0D21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2" creationId="{FD8FD380-1DBF-473F-A0B8-F07A0D4E145C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4" creationId="{8ED44219-3313-46D5-9DC6-2FA31AE1FD6C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5" creationId="{6C3EBA7D-0869-4A30-8A91-23BA6FD09A1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7" creationId="{921BFA18-0B53-4801-848D-CD5428E402C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8" creationId="{6838CD2A-694D-4C1B-91BF-2356F7CCEAEF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9" creationId="{DE976D59-1132-41D8-8D1F-A38EF0061BB3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0" creationId="{0023BA57-1DBC-4B74-9FFF-BA92F6C90CBB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1" creationId="{85CA3130-F579-434D-9749-1E8C9C5C3E3B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2" creationId="{60DC7941-D477-41A3-902F-3AA278EC6353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3" creationId="{05453C9C-EF47-403B-9077-886D10E4B5DF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4" creationId="{5A4D6DE1-2B04-4ECA-8E79-4D6A0A74A6B6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5" creationId="{CBC4EF05-B84D-4923-B43D-FE7F2A7E2447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6" creationId="{CD0F59B7-77DB-4BD1-A335-C631D9138861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7" creationId="{A6796115-EEE2-4F76-B854-672F0B4E60AD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8" creationId="{8DD57DFA-847F-418D-8BD4-DDBDC02C5AA4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76" creationId="{825354B0-EA1F-4F13-B344-E945DAB9C18F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77" creationId="{F90E38F8-6B68-4531-A3DA-20B67E95D03E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78" creationId="{716CB749-2BCB-4CE9-A933-35BB9923A2FD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2" creationId="{C8DFDA80-71F9-47E2-B86E-8EDE045D39B0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3" creationId="{41704B63-6372-4027-97D8-F39C760F129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7" creationId="{32AC427C-4C2E-45F8-A48A-BCCA703F13A6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9" creationId="{E25601FD-FFAE-46C0-B046-0D7AE0235D9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90" creationId="{E80AD9AB-3563-4E77-BCFB-805711AA3159}"/>
          </ac:cxnSpMkLst>
        </pc:cxnChg>
      </pc:sldChg>
      <pc:sldChg chg="modSp del mod">
        <pc:chgData name="Merve Turhan" userId="3594cd17-5953-4511-8d53-8cfc799250e7" providerId="ADAL" clId="{01E56475-575D-4CD2-B720-B8D0ED314503}" dt="2022-02-21T13:05:15.090" v="1227" actId="47"/>
        <pc:sldMkLst>
          <pc:docMk/>
          <pc:sldMk cId="213818690" sldId="484"/>
        </pc:sldMkLst>
        <pc:spChg chg="mod">
          <ac:chgData name="Merve Turhan" userId="3594cd17-5953-4511-8d53-8cfc799250e7" providerId="ADAL" clId="{01E56475-575D-4CD2-B720-B8D0ED314503}" dt="2022-02-21T08:08:38.950" v="481" actId="790"/>
          <ac:spMkLst>
            <pc:docMk/>
            <pc:sldMk cId="213818690" sldId="484"/>
            <ac:spMk id="2" creationId="{F6874C52-C64D-4484-AC7B-A1D04547743F}"/>
          </ac:spMkLst>
        </pc:spChg>
        <pc:spChg chg="mod">
          <ac:chgData name="Merve Turhan" userId="3594cd17-5953-4511-8d53-8cfc799250e7" providerId="ADAL" clId="{01E56475-575D-4CD2-B720-B8D0ED314503}" dt="2022-02-21T08:08:38.952" v="482"/>
          <ac:spMkLst>
            <pc:docMk/>
            <pc:sldMk cId="213818690" sldId="484"/>
            <ac:spMk id="91" creationId="{82C5D878-B228-44D1-BF3C-ECAFECFB5CA5}"/>
          </ac:spMkLst>
        </pc:spChg>
      </pc:sldChg>
      <pc:sldChg chg="modSp del mod">
        <pc:chgData name="Merve Turhan" userId="3594cd17-5953-4511-8d53-8cfc799250e7" providerId="ADAL" clId="{01E56475-575D-4CD2-B720-B8D0ED314503}" dt="2022-02-21T13:05:16.487" v="1229" actId="47"/>
        <pc:sldMkLst>
          <pc:docMk/>
          <pc:sldMk cId="425302119" sldId="485"/>
        </pc:sldMkLst>
        <pc:spChg chg="mod">
          <ac:chgData name="Merve Turhan" userId="3594cd17-5953-4511-8d53-8cfc799250e7" providerId="ADAL" clId="{01E56475-575D-4CD2-B720-B8D0ED314503}" dt="2022-02-21T08:08:38.957" v="490" actId="790"/>
          <ac:spMkLst>
            <pc:docMk/>
            <pc:sldMk cId="425302119" sldId="485"/>
            <ac:spMk id="2" creationId="{F6874C52-C64D-4484-AC7B-A1D04547743F}"/>
          </ac:spMkLst>
        </pc:spChg>
        <pc:spChg chg="mod">
          <ac:chgData name="Merve Turhan" userId="3594cd17-5953-4511-8d53-8cfc799250e7" providerId="ADAL" clId="{01E56475-575D-4CD2-B720-B8D0ED314503}" dt="2022-02-21T08:08:38.963" v="499" actId="790"/>
          <ac:spMkLst>
            <pc:docMk/>
            <pc:sldMk cId="425302119" sldId="485"/>
            <ac:spMk id="12" creationId="{994CC80B-D9F1-4474-9ACB-DDFB4E2A63CD}"/>
          </ac:spMkLst>
        </pc:spChg>
        <pc:spChg chg="mod">
          <ac:chgData name="Merve Turhan" userId="3594cd17-5953-4511-8d53-8cfc799250e7" providerId="ADAL" clId="{01E56475-575D-4CD2-B720-B8D0ED314503}" dt="2022-02-21T08:08:38.963" v="500" actId="790"/>
          <ac:spMkLst>
            <pc:docMk/>
            <pc:sldMk cId="425302119" sldId="485"/>
            <ac:spMk id="13" creationId="{5B73B1CD-54E0-40B2-BDA1-BB71CD88737E}"/>
          </ac:spMkLst>
        </pc:spChg>
        <pc:spChg chg="mod">
          <ac:chgData name="Merve Turhan" userId="3594cd17-5953-4511-8d53-8cfc799250e7" providerId="ADAL" clId="{01E56475-575D-4CD2-B720-B8D0ED314503}" dt="2022-02-21T08:08:38.964" v="501" actId="790"/>
          <ac:spMkLst>
            <pc:docMk/>
            <pc:sldMk cId="425302119" sldId="485"/>
            <ac:spMk id="14" creationId="{9552DFB6-D6BC-4796-AD67-06BEA674F4ED}"/>
          </ac:spMkLst>
        </pc:spChg>
        <pc:spChg chg="mod">
          <ac:chgData name="Merve Turhan" userId="3594cd17-5953-4511-8d53-8cfc799250e7" providerId="ADAL" clId="{01E56475-575D-4CD2-B720-B8D0ED314503}" dt="2022-02-21T08:08:38.964" v="502" actId="790"/>
          <ac:spMkLst>
            <pc:docMk/>
            <pc:sldMk cId="425302119" sldId="485"/>
            <ac:spMk id="17" creationId="{9B8E3EF8-E79E-46C5-BDD6-A5207C3E92A2}"/>
          </ac:spMkLst>
        </pc:spChg>
        <pc:spChg chg="mod">
          <ac:chgData name="Merve Turhan" userId="3594cd17-5953-4511-8d53-8cfc799250e7" providerId="ADAL" clId="{01E56475-575D-4CD2-B720-B8D0ED314503}" dt="2022-02-21T08:08:38.965" v="503" actId="790"/>
          <ac:spMkLst>
            <pc:docMk/>
            <pc:sldMk cId="425302119" sldId="485"/>
            <ac:spMk id="18" creationId="{6F5D111A-335F-4622-99E1-6230FD519413}"/>
          </ac:spMkLst>
        </pc:spChg>
        <pc:spChg chg="mod">
          <ac:chgData name="Merve Turhan" userId="3594cd17-5953-4511-8d53-8cfc799250e7" providerId="ADAL" clId="{01E56475-575D-4CD2-B720-B8D0ED314503}" dt="2022-02-21T08:08:38.965" v="504" actId="790"/>
          <ac:spMkLst>
            <pc:docMk/>
            <pc:sldMk cId="425302119" sldId="485"/>
            <ac:spMk id="19" creationId="{6669DF75-9D61-436C-AF05-B734407C1681}"/>
          </ac:spMkLst>
        </pc:spChg>
        <pc:spChg chg="mod">
          <ac:chgData name="Merve Turhan" userId="3594cd17-5953-4511-8d53-8cfc799250e7" providerId="ADAL" clId="{01E56475-575D-4CD2-B720-B8D0ED314503}" dt="2022-02-21T08:08:38.958" v="492" actId="790"/>
          <ac:spMkLst>
            <pc:docMk/>
            <pc:sldMk cId="425302119" sldId="485"/>
            <ac:spMk id="24" creationId="{6FEA40EF-5354-418D-BB10-C0401F5C5A1E}"/>
          </ac:spMkLst>
        </pc:spChg>
        <pc:spChg chg="mod">
          <ac:chgData name="Merve Turhan" userId="3594cd17-5953-4511-8d53-8cfc799250e7" providerId="ADAL" clId="{01E56475-575D-4CD2-B720-B8D0ED314503}" dt="2022-02-21T08:08:38.959" v="493" actId="790"/>
          <ac:spMkLst>
            <pc:docMk/>
            <pc:sldMk cId="425302119" sldId="485"/>
            <ac:spMk id="25" creationId="{7E236D07-CEEB-47AA-B510-079F41177C47}"/>
          </ac:spMkLst>
        </pc:spChg>
        <pc:spChg chg="mod">
          <ac:chgData name="Merve Turhan" userId="3594cd17-5953-4511-8d53-8cfc799250e7" providerId="ADAL" clId="{01E56475-575D-4CD2-B720-B8D0ED314503}" dt="2022-02-21T08:08:38.960" v="494" actId="790"/>
          <ac:spMkLst>
            <pc:docMk/>
            <pc:sldMk cId="425302119" sldId="485"/>
            <ac:spMk id="27" creationId="{06736CEE-EA9E-4BAA-B74C-B28322E37A0A}"/>
          </ac:spMkLst>
        </pc:spChg>
        <pc:spChg chg="mod">
          <ac:chgData name="Merve Turhan" userId="3594cd17-5953-4511-8d53-8cfc799250e7" providerId="ADAL" clId="{01E56475-575D-4CD2-B720-B8D0ED314503}" dt="2022-02-21T08:08:38.961" v="495" actId="790"/>
          <ac:spMkLst>
            <pc:docMk/>
            <pc:sldMk cId="425302119" sldId="485"/>
            <ac:spMk id="28" creationId="{C9DE278B-69CB-46C1-9161-1C99B6A8F93A}"/>
          </ac:spMkLst>
        </pc:spChg>
        <pc:spChg chg="mod">
          <ac:chgData name="Merve Turhan" userId="3594cd17-5953-4511-8d53-8cfc799250e7" providerId="ADAL" clId="{01E56475-575D-4CD2-B720-B8D0ED314503}" dt="2022-02-21T08:08:38.961" v="496" actId="790"/>
          <ac:spMkLst>
            <pc:docMk/>
            <pc:sldMk cId="425302119" sldId="485"/>
            <ac:spMk id="29" creationId="{CB01680A-42AD-4F9E-8667-8CF47B77C1C9}"/>
          </ac:spMkLst>
        </pc:spChg>
        <pc:spChg chg="mod">
          <ac:chgData name="Merve Turhan" userId="3594cd17-5953-4511-8d53-8cfc799250e7" providerId="ADAL" clId="{01E56475-575D-4CD2-B720-B8D0ED314503}" dt="2022-02-21T08:08:38.962" v="497" actId="790"/>
          <ac:spMkLst>
            <pc:docMk/>
            <pc:sldMk cId="425302119" sldId="485"/>
            <ac:spMk id="30" creationId="{A281E302-A15E-4D96-B0F6-18897CE88274}"/>
          </ac:spMkLst>
        </pc:spChg>
        <pc:spChg chg="mod">
          <ac:chgData name="Merve Turhan" userId="3594cd17-5953-4511-8d53-8cfc799250e7" providerId="ADAL" clId="{01E56475-575D-4CD2-B720-B8D0ED314503}" dt="2022-02-21T08:08:38.958" v="491" actId="790"/>
          <ac:spMkLst>
            <pc:docMk/>
            <pc:sldMk cId="425302119" sldId="485"/>
            <ac:spMk id="39" creationId="{7AAC3999-FF0E-4B5D-9DA1-8EE5860D93CC}"/>
          </ac:spMkLst>
        </pc:spChg>
        <pc:spChg chg="mod">
          <ac:chgData name="Merve Turhan" userId="3594cd17-5953-4511-8d53-8cfc799250e7" providerId="ADAL" clId="{01E56475-575D-4CD2-B720-B8D0ED314503}" dt="2022-02-21T08:08:38.962" v="498" actId="790"/>
          <ac:spMkLst>
            <pc:docMk/>
            <pc:sldMk cId="425302119" sldId="485"/>
            <ac:spMk id="43" creationId="{20660B54-72C3-425B-A626-6C3FFE4544C1}"/>
          </ac:spMkLst>
        </pc:spChg>
        <pc:spChg chg="mod">
          <ac:chgData name="Merve Turhan" userId="3594cd17-5953-4511-8d53-8cfc799250e7" providerId="ADAL" clId="{01E56475-575D-4CD2-B720-B8D0ED314503}" dt="2022-02-21T08:08:38.967" v="505"/>
          <ac:spMkLst>
            <pc:docMk/>
            <pc:sldMk cId="425302119" sldId="485"/>
            <ac:spMk id="91" creationId="{82C5D878-B228-44D1-BF3C-ECAFECFB5CA5}"/>
          </ac:spMkLst>
        </pc:spChg>
      </pc:sldChg>
      <pc:sldChg chg="modSp del mod">
        <pc:chgData name="Merve Turhan" userId="3594cd17-5953-4511-8d53-8cfc799250e7" providerId="ADAL" clId="{01E56475-575D-4CD2-B720-B8D0ED314503}" dt="2022-02-21T20:33:53.495" v="3188" actId="47"/>
        <pc:sldMkLst>
          <pc:docMk/>
          <pc:sldMk cId="1093299127" sldId="486"/>
        </pc:sldMkLst>
        <pc:spChg chg="mod">
          <ac:chgData name="Merve Turhan" userId="3594cd17-5953-4511-8d53-8cfc799250e7" providerId="ADAL" clId="{01E56475-575D-4CD2-B720-B8D0ED314503}" dt="2022-02-21T13:07:03.444" v="1477" actId="790"/>
          <ac:spMkLst>
            <pc:docMk/>
            <pc:sldMk cId="1093299127" sldId="486"/>
            <ac:spMk id="2" creationId="{AB77B8F4-4DA4-4B3F-94FB-3703E1118225}"/>
          </ac:spMkLst>
        </pc:spChg>
        <pc:spChg chg="mod">
          <ac:chgData name="Merve Turhan" userId="3594cd17-5953-4511-8d53-8cfc799250e7" providerId="ADAL" clId="{01E56475-575D-4CD2-B720-B8D0ED314503}" dt="2022-02-21T13:07:03.447" v="1486"/>
          <ac:spMkLst>
            <pc:docMk/>
            <pc:sldMk cId="1093299127" sldId="486"/>
            <ac:spMk id="3" creationId="{6D0402A5-6930-4084-A337-7AB11902FC40}"/>
          </ac:spMkLst>
        </pc:spChg>
        <pc:spChg chg="mod">
          <ac:chgData name="Merve Turhan" userId="3594cd17-5953-4511-8d53-8cfc799250e7" providerId="ADAL" clId="{01E56475-575D-4CD2-B720-B8D0ED314503}" dt="2022-02-21T13:07:03.448" v="1488"/>
          <ac:spMkLst>
            <pc:docMk/>
            <pc:sldMk cId="1093299127" sldId="486"/>
            <ac:spMk id="4" creationId="{7DFE96AF-6F08-4E5E-9229-F7147ED503A5}"/>
          </ac:spMkLst>
        </pc:spChg>
        <pc:spChg chg="mod">
          <ac:chgData name="Merve Turhan" userId="3594cd17-5953-4511-8d53-8cfc799250e7" providerId="ADAL" clId="{01E56475-575D-4CD2-B720-B8D0ED314503}" dt="2022-02-21T13:07:03.448" v="1489" actId="790"/>
          <ac:spMkLst>
            <pc:docMk/>
            <pc:sldMk cId="1093299127" sldId="486"/>
            <ac:spMk id="6" creationId="{192E595F-93FD-4FD1-A68B-BD40A45C8928}"/>
          </ac:spMkLst>
        </pc:spChg>
        <pc:spChg chg="mod">
          <ac:chgData name="Merve Turhan" userId="3594cd17-5953-4511-8d53-8cfc799250e7" providerId="ADAL" clId="{01E56475-575D-4CD2-B720-B8D0ED314503}" dt="2022-02-21T13:07:03.443" v="1474"/>
          <ac:spMkLst>
            <pc:docMk/>
            <pc:sldMk cId="1093299127" sldId="486"/>
            <ac:spMk id="8" creationId="{FD5F01C6-032B-4444-ADA8-356791C6E3CC}"/>
          </ac:spMkLst>
        </pc:spChg>
        <pc:spChg chg="mod">
          <ac:chgData name="Merve Turhan" userId="3594cd17-5953-4511-8d53-8cfc799250e7" providerId="ADAL" clId="{01E56475-575D-4CD2-B720-B8D0ED314503}" dt="2022-02-21T13:07:03.444" v="1476"/>
          <ac:spMkLst>
            <pc:docMk/>
            <pc:sldMk cId="1093299127" sldId="486"/>
            <ac:spMk id="9" creationId="{1D5E7CAC-94F5-4596-83E1-7DB62F81B6A5}"/>
          </ac:spMkLst>
        </pc:spChg>
        <pc:spChg chg="mod">
          <ac:chgData name="Merve Turhan" userId="3594cd17-5953-4511-8d53-8cfc799250e7" providerId="ADAL" clId="{01E56475-575D-4CD2-B720-B8D0ED314503}" dt="2022-02-21T13:07:03.444" v="1478"/>
          <ac:spMkLst>
            <pc:docMk/>
            <pc:sldMk cId="1093299127" sldId="486"/>
            <ac:spMk id="11" creationId="{A919DE69-9424-4956-BBDA-1582BEA45DEC}"/>
          </ac:spMkLst>
        </pc:spChg>
        <pc:spChg chg="mod">
          <ac:chgData name="Merve Turhan" userId="3594cd17-5953-4511-8d53-8cfc799250e7" providerId="ADAL" clId="{01E56475-575D-4CD2-B720-B8D0ED314503}" dt="2022-02-21T13:07:03.443" v="1475"/>
          <ac:spMkLst>
            <pc:docMk/>
            <pc:sldMk cId="1093299127" sldId="486"/>
            <ac:spMk id="12" creationId="{E8CFC069-8D85-4824-9978-BC41CF5A55FF}"/>
          </ac:spMkLst>
        </pc:spChg>
        <pc:spChg chg="mod">
          <ac:chgData name="Merve Turhan" userId="3594cd17-5953-4511-8d53-8cfc799250e7" providerId="ADAL" clId="{01E56475-575D-4CD2-B720-B8D0ED314503}" dt="2022-02-21T13:07:03.445" v="1479" actId="790"/>
          <ac:spMkLst>
            <pc:docMk/>
            <pc:sldMk cId="1093299127" sldId="486"/>
            <ac:spMk id="13" creationId="{F5C4EC0F-88A1-4417-8103-63B2EBB1A1E4}"/>
          </ac:spMkLst>
        </pc:spChg>
        <pc:spChg chg="mod">
          <ac:chgData name="Merve Turhan" userId="3594cd17-5953-4511-8d53-8cfc799250e7" providerId="ADAL" clId="{01E56475-575D-4CD2-B720-B8D0ED314503}" dt="2022-02-21T13:07:03.445" v="1480"/>
          <ac:spMkLst>
            <pc:docMk/>
            <pc:sldMk cId="1093299127" sldId="486"/>
            <ac:spMk id="14" creationId="{07714B90-E557-46CC-A6A5-39A2E87674AD}"/>
          </ac:spMkLst>
        </pc:spChg>
        <pc:spChg chg="mod">
          <ac:chgData name="Merve Turhan" userId="3594cd17-5953-4511-8d53-8cfc799250e7" providerId="ADAL" clId="{01E56475-575D-4CD2-B720-B8D0ED314503}" dt="2022-02-21T13:07:03.445" v="1481"/>
          <ac:spMkLst>
            <pc:docMk/>
            <pc:sldMk cId="1093299127" sldId="486"/>
            <ac:spMk id="15" creationId="{F4EF217F-D926-47F8-BD00-4DA8EE59B3B6}"/>
          </ac:spMkLst>
        </pc:spChg>
        <pc:spChg chg="mod">
          <ac:chgData name="Merve Turhan" userId="3594cd17-5953-4511-8d53-8cfc799250e7" providerId="ADAL" clId="{01E56475-575D-4CD2-B720-B8D0ED314503}" dt="2022-02-21T13:07:03.446" v="1482"/>
          <ac:spMkLst>
            <pc:docMk/>
            <pc:sldMk cId="1093299127" sldId="486"/>
            <ac:spMk id="16" creationId="{D3DE39E8-738C-4866-B986-61CE36B6C287}"/>
          </ac:spMkLst>
        </pc:spChg>
        <pc:spChg chg="mod">
          <ac:chgData name="Merve Turhan" userId="3594cd17-5953-4511-8d53-8cfc799250e7" providerId="ADAL" clId="{01E56475-575D-4CD2-B720-B8D0ED314503}" dt="2022-02-21T13:07:03.452" v="1494" actId="790"/>
          <ac:spMkLst>
            <pc:docMk/>
            <pc:sldMk cId="1093299127" sldId="486"/>
            <ac:spMk id="23" creationId="{63578816-65A1-41AE-B89D-1776B3D71780}"/>
          </ac:spMkLst>
        </pc:spChg>
        <pc:spChg chg="mod">
          <ac:chgData name="Merve Turhan" userId="3594cd17-5953-4511-8d53-8cfc799250e7" providerId="ADAL" clId="{01E56475-575D-4CD2-B720-B8D0ED314503}" dt="2022-02-21T13:07:03.453" v="1495" actId="790"/>
          <ac:spMkLst>
            <pc:docMk/>
            <pc:sldMk cId="1093299127" sldId="486"/>
            <ac:spMk id="24" creationId="{20BCE481-E881-4586-8486-58A6CD62CC51}"/>
          </ac:spMkLst>
        </pc:spChg>
        <pc:spChg chg="mod">
          <ac:chgData name="Merve Turhan" userId="3594cd17-5953-4511-8d53-8cfc799250e7" providerId="ADAL" clId="{01E56475-575D-4CD2-B720-B8D0ED314503}" dt="2022-02-21T13:07:03.446" v="1483" actId="790"/>
          <ac:spMkLst>
            <pc:docMk/>
            <pc:sldMk cId="1093299127" sldId="486"/>
            <ac:spMk id="26" creationId="{6F09682A-04DB-4308-9342-B4DC69EAF5B4}"/>
          </ac:spMkLst>
        </pc:spChg>
        <pc:spChg chg="mod">
          <ac:chgData name="Merve Turhan" userId="3594cd17-5953-4511-8d53-8cfc799250e7" providerId="ADAL" clId="{01E56475-575D-4CD2-B720-B8D0ED314503}" dt="2022-02-21T13:07:03.446" v="1484"/>
          <ac:spMkLst>
            <pc:docMk/>
            <pc:sldMk cId="1093299127" sldId="486"/>
            <ac:spMk id="30" creationId="{B730A448-1AB1-408A-99B1-53155536E38F}"/>
          </ac:spMkLst>
        </pc:spChg>
        <pc:spChg chg="mod">
          <ac:chgData name="Merve Turhan" userId="3594cd17-5953-4511-8d53-8cfc799250e7" providerId="ADAL" clId="{01E56475-575D-4CD2-B720-B8D0ED314503}" dt="2022-02-21T13:07:03.452" v="1493" actId="790"/>
          <ac:spMkLst>
            <pc:docMk/>
            <pc:sldMk cId="1093299127" sldId="486"/>
            <ac:spMk id="31" creationId="{DBCEEDC6-5F87-4AC5-AFCC-94D7CF5E7667}"/>
          </ac:spMkLst>
        </pc:spChg>
        <pc:spChg chg="mod">
          <ac:chgData name="Merve Turhan" userId="3594cd17-5953-4511-8d53-8cfc799250e7" providerId="ADAL" clId="{01E56475-575D-4CD2-B720-B8D0ED314503}" dt="2022-02-21T13:07:03.447" v="1485" actId="790"/>
          <ac:spMkLst>
            <pc:docMk/>
            <pc:sldMk cId="1093299127" sldId="486"/>
            <ac:spMk id="32" creationId="{EC7ADF0D-10E4-464A-A6A0-6320792DE604}"/>
          </ac:spMkLst>
        </pc:spChg>
        <pc:spChg chg="mod">
          <ac:chgData name="Merve Turhan" userId="3594cd17-5953-4511-8d53-8cfc799250e7" providerId="ADAL" clId="{01E56475-575D-4CD2-B720-B8D0ED314503}" dt="2022-02-21T13:07:03.449" v="1490"/>
          <ac:spMkLst>
            <pc:docMk/>
            <pc:sldMk cId="1093299127" sldId="486"/>
            <ac:spMk id="39" creationId="{AF77E995-5479-4AF0-A467-87000E1DB88D}"/>
          </ac:spMkLst>
        </pc:spChg>
        <pc:spChg chg="mod">
          <ac:chgData name="Merve Turhan" userId="3594cd17-5953-4511-8d53-8cfc799250e7" providerId="ADAL" clId="{01E56475-575D-4CD2-B720-B8D0ED314503}" dt="2022-02-21T13:07:03.448" v="1487"/>
          <ac:spMkLst>
            <pc:docMk/>
            <pc:sldMk cId="1093299127" sldId="486"/>
            <ac:spMk id="40" creationId="{F4035454-FA35-498B-85E7-EF66D6CF2CEC}"/>
          </ac:spMkLst>
        </pc:spChg>
        <pc:spChg chg="mod">
          <ac:chgData name="Merve Turhan" userId="3594cd17-5953-4511-8d53-8cfc799250e7" providerId="ADAL" clId="{01E56475-575D-4CD2-B720-B8D0ED314503}" dt="2022-02-21T13:07:03.449" v="1491"/>
          <ac:spMkLst>
            <pc:docMk/>
            <pc:sldMk cId="1093299127" sldId="486"/>
            <ac:spMk id="41" creationId="{03A25D6C-DE86-4E60-BB61-F2E14FD4B4F9}"/>
          </ac:spMkLst>
        </pc:spChg>
        <pc:spChg chg="mod">
          <ac:chgData name="Merve Turhan" userId="3594cd17-5953-4511-8d53-8cfc799250e7" providerId="ADAL" clId="{01E56475-575D-4CD2-B720-B8D0ED314503}" dt="2022-02-21T13:07:03.449" v="1492" actId="790"/>
          <ac:spMkLst>
            <pc:docMk/>
            <pc:sldMk cId="1093299127" sldId="486"/>
            <ac:spMk id="42" creationId="{D317E64A-91E6-4434-8062-C3D35D24D213}"/>
          </ac:spMkLst>
        </pc:spChg>
      </pc:sldChg>
      <pc:sldChg chg="modSp del mod">
        <pc:chgData name="Merve Turhan" userId="3594cd17-5953-4511-8d53-8cfc799250e7" providerId="ADAL" clId="{01E56475-575D-4CD2-B720-B8D0ED314503}" dt="2022-02-21T20:33:58.148" v="3190" actId="47"/>
        <pc:sldMkLst>
          <pc:docMk/>
          <pc:sldMk cId="276980968" sldId="487"/>
        </pc:sldMkLst>
        <pc:spChg chg="mod">
          <ac:chgData name="Merve Turhan" userId="3594cd17-5953-4511-8d53-8cfc799250e7" providerId="ADAL" clId="{01E56475-575D-4CD2-B720-B8D0ED314503}" dt="2022-02-21T13:07:03.429" v="1442" actId="790"/>
          <ac:spMkLst>
            <pc:docMk/>
            <pc:sldMk cId="276980968" sldId="487"/>
            <ac:spMk id="2" creationId="{AB77B8F4-4DA4-4B3F-94FB-3703E1118225}"/>
          </ac:spMkLst>
        </pc:spChg>
        <pc:spChg chg="mod">
          <ac:chgData name="Merve Turhan" userId="3594cd17-5953-4511-8d53-8cfc799250e7" providerId="ADAL" clId="{01E56475-575D-4CD2-B720-B8D0ED314503}" dt="2022-02-21T13:07:03.432" v="1450"/>
          <ac:spMkLst>
            <pc:docMk/>
            <pc:sldMk cId="276980968" sldId="487"/>
            <ac:spMk id="3" creationId="{6D0402A5-6930-4084-A337-7AB11902FC40}"/>
          </ac:spMkLst>
        </pc:spChg>
        <pc:spChg chg="mod">
          <ac:chgData name="Merve Turhan" userId="3594cd17-5953-4511-8d53-8cfc799250e7" providerId="ADAL" clId="{01E56475-575D-4CD2-B720-B8D0ED314503}" dt="2022-02-21T13:07:03.433" v="1452" actId="790"/>
          <ac:spMkLst>
            <pc:docMk/>
            <pc:sldMk cId="276980968" sldId="487"/>
            <ac:spMk id="6" creationId="{192E595F-93FD-4FD1-A68B-BD40A45C8928}"/>
          </ac:spMkLst>
        </pc:spChg>
        <pc:spChg chg="mod">
          <ac:chgData name="Merve Turhan" userId="3594cd17-5953-4511-8d53-8cfc799250e7" providerId="ADAL" clId="{01E56475-575D-4CD2-B720-B8D0ED314503}" dt="2022-02-21T13:07:03.429" v="1440"/>
          <ac:spMkLst>
            <pc:docMk/>
            <pc:sldMk cId="276980968" sldId="487"/>
            <ac:spMk id="8" creationId="{FD5F01C6-032B-4444-ADA8-356791C6E3CC}"/>
          </ac:spMkLst>
        </pc:spChg>
        <pc:spChg chg="mod">
          <ac:chgData name="Merve Turhan" userId="3594cd17-5953-4511-8d53-8cfc799250e7" providerId="ADAL" clId="{01E56475-575D-4CD2-B720-B8D0ED314503}" dt="2022-02-21T13:07:03.430" v="1443"/>
          <ac:spMkLst>
            <pc:docMk/>
            <pc:sldMk cId="276980968" sldId="487"/>
            <ac:spMk id="11" creationId="{A919DE69-9424-4956-BBDA-1582BEA45DEC}"/>
          </ac:spMkLst>
        </pc:spChg>
        <pc:spChg chg="mod">
          <ac:chgData name="Merve Turhan" userId="3594cd17-5953-4511-8d53-8cfc799250e7" providerId="ADAL" clId="{01E56475-575D-4CD2-B720-B8D0ED314503}" dt="2022-02-21T13:07:03.429" v="1441"/>
          <ac:spMkLst>
            <pc:docMk/>
            <pc:sldMk cId="276980968" sldId="487"/>
            <ac:spMk id="12" creationId="{E8CFC069-8D85-4824-9978-BC41CF5A55FF}"/>
          </ac:spMkLst>
        </pc:spChg>
        <pc:spChg chg="mod">
          <ac:chgData name="Merve Turhan" userId="3594cd17-5953-4511-8d53-8cfc799250e7" providerId="ADAL" clId="{01E56475-575D-4CD2-B720-B8D0ED314503}" dt="2022-02-21T13:07:03.430" v="1444" actId="790"/>
          <ac:spMkLst>
            <pc:docMk/>
            <pc:sldMk cId="276980968" sldId="487"/>
            <ac:spMk id="13" creationId="{F5C4EC0F-88A1-4417-8103-63B2EBB1A1E4}"/>
          </ac:spMkLst>
        </pc:spChg>
        <pc:spChg chg="mod">
          <ac:chgData name="Merve Turhan" userId="3594cd17-5953-4511-8d53-8cfc799250e7" providerId="ADAL" clId="{01E56475-575D-4CD2-B720-B8D0ED314503}" dt="2022-02-21T13:07:03.430" v="1445"/>
          <ac:spMkLst>
            <pc:docMk/>
            <pc:sldMk cId="276980968" sldId="487"/>
            <ac:spMk id="14" creationId="{07714B90-E557-46CC-A6A5-39A2E87674AD}"/>
          </ac:spMkLst>
        </pc:spChg>
        <pc:spChg chg="mod">
          <ac:chgData name="Merve Turhan" userId="3594cd17-5953-4511-8d53-8cfc799250e7" providerId="ADAL" clId="{01E56475-575D-4CD2-B720-B8D0ED314503}" dt="2022-02-21T13:07:03.431" v="1446"/>
          <ac:spMkLst>
            <pc:docMk/>
            <pc:sldMk cId="276980968" sldId="487"/>
            <ac:spMk id="15" creationId="{F4EF217F-D926-47F8-BD00-4DA8EE59B3B6}"/>
          </ac:spMkLst>
        </pc:spChg>
        <pc:spChg chg="mod">
          <ac:chgData name="Merve Turhan" userId="3594cd17-5953-4511-8d53-8cfc799250e7" providerId="ADAL" clId="{01E56475-575D-4CD2-B720-B8D0ED314503}" dt="2022-02-21T13:07:03.431" v="1447"/>
          <ac:spMkLst>
            <pc:docMk/>
            <pc:sldMk cId="276980968" sldId="487"/>
            <ac:spMk id="16" creationId="{D3DE39E8-738C-4866-B986-61CE36B6C287}"/>
          </ac:spMkLst>
        </pc:spChg>
        <pc:spChg chg="mod">
          <ac:chgData name="Merve Turhan" userId="3594cd17-5953-4511-8d53-8cfc799250e7" providerId="ADAL" clId="{01E56475-575D-4CD2-B720-B8D0ED314503}" dt="2022-02-21T13:07:03.431" v="1448" actId="790"/>
          <ac:spMkLst>
            <pc:docMk/>
            <pc:sldMk cId="276980968" sldId="487"/>
            <ac:spMk id="26" creationId="{6F09682A-04DB-4308-9342-B4DC69EAF5B4}"/>
          </ac:spMkLst>
        </pc:spChg>
        <pc:spChg chg="mod">
          <ac:chgData name="Merve Turhan" userId="3594cd17-5953-4511-8d53-8cfc799250e7" providerId="ADAL" clId="{01E56475-575D-4CD2-B720-B8D0ED314503}" dt="2022-02-21T13:07:03.434" v="1454" actId="790"/>
          <ac:spMkLst>
            <pc:docMk/>
            <pc:sldMk cId="276980968" sldId="487"/>
            <ac:spMk id="31" creationId="{DBCEEDC6-5F87-4AC5-AFCC-94D7CF5E7667}"/>
          </ac:spMkLst>
        </pc:spChg>
        <pc:spChg chg="mod">
          <ac:chgData name="Merve Turhan" userId="3594cd17-5953-4511-8d53-8cfc799250e7" providerId="ADAL" clId="{01E56475-575D-4CD2-B720-B8D0ED314503}" dt="2022-02-21T13:07:03.432" v="1449" actId="790"/>
          <ac:spMkLst>
            <pc:docMk/>
            <pc:sldMk cId="276980968" sldId="487"/>
            <ac:spMk id="32" creationId="{EC7ADF0D-10E4-464A-A6A0-6320792DE604}"/>
          </ac:spMkLst>
        </pc:spChg>
        <pc:spChg chg="mod">
          <ac:chgData name="Merve Turhan" userId="3594cd17-5953-4511-8d53-8cfc799250e7" providerId="ADAL" clId="{01E56475-575D-4CD2-B720-B8D0ED314503}" dt="2022-02-21T13:07:03.433" v="1451"/>
          <ac:spMkLst>
            <pc:docMk/>
            <pc:sldMk cId="276980968" sldId="487"/>
            <ac:spMk id="40" creationId="{F4035454-FA35-498B-85E7-EF66D6CF2CEC}"/>
          </ac:spMkLst>
        </pc:spChg>
        <pc:spChg chg="mod">
          <ac:chgData name="Merve Turhan" userId="3594cd17-5953-4511-8d53-8cfc799250e7" providerId="ADAL" clId="{01E56475-575D-4CD2-B720-B8D0ED314503}" dt="2022-02-21T13:07:03.434" v="1453" actId="790"/>
          <ac:spMkLst>
            <pc:docMk/>
            <pc:sldMk cId="276980968" sldId="487"/>
            <ac:spMk id="42" creationId="{D317E64A-91E6-4434-8062-C3D35D24D213}"/>
          </ac:spMkLst>
        </pc:spChg>
      </pc:sldChg>
      <pc:sldChg chg="modSp del mod">
        <pc:chgData name="Merve Turhan" userId="3594cd17-5953-4511-8d53-8cfc799250e7" providerId="ADAL" clId="{01E56475-575D-4CD2-B720-B8D0ED314503}" dt="2022-02-21T20:33:51.634" v="3187" actId="47"/>
        <pc:sldMkLst>
          <pc:docMk/>
          <pc:sldMk cId="3471251357" sldId="488"/>
        </pc:sldMkLst>
        <pc:spChg chg="mod">
          <ac:chgData name="Merve Turhan" userId="3594cd17-5953-4511-8d53-8cfc799250e7" providerId="ADAL" clId="{01E56475-575D-4CD2-B720-B8D0ED314503}" dt="2022-02-21T13:07:03.453" v="1496" actId="790"/>
          <ac:spMkLst>
            <pc:docMk/>
            <pc:sldMk cId="3471251357" sldId="488"/>
            <ac:spMk id="2" creationId="{21A6E135-DB66-4068-AF41-84EAA0059824}"/>
          </ac:spMkLst>
        </pc:spChg>
        <pc:spChg chg="mod">
          <ac:chgData name="Merve Turhan" userId="3594cd17-5953-4511-8d53-8cfc799250e7" providerId="ADAL" clId="{01E56475-575D-4CD2-B720-B8D0ED314503}" dt="2022-02-21T13:07:03.454" v="1497" actId="790"/>
          <ac:spMkLst>
            <pc:docMk/>
            <pc:sldMk cId="3471251357" sldId="488"/>
            <ac:spMk id="7" creationId="{17CA488F-4C72-4749-ACC6-5588BB426CAC}"/>
          </ac:spMkLst>
        </pc:spChg>
        <pc:spChg chg="mod">
          <ac:chgData name="Merve Turhan" userId="3594cd17-5953-4511-8d53-8cfc799250e7" providerId="ADAL" clId="{01E56475-575D-4CD2-B720-B8D0ED314503}" dt="2022-02-21T13:07:03.454" v="1498" actId="790"/>
          <ac:spMkLst>
            <pc:docMk/>
            <pc:sldMk cId="3471251357" sldId="488"/>
            <ac:spMk id="8" creationId="{6507A559-E024-4C95-8D77-A50798BDB48A}"/>
          </ac:spMkLst>
        </pc:spChg>
        <pc:spChg chg="mod">
          <ac:chgData name="Merve Turhan" userId="3594cd17-5953-4511-8d53-8cfc799250e7" providerId="ADAL" clId="{01E56475-575D-4CD2-B720-B8D0ED314503}" dt="2022-02-21T13:07:03.455" v="1499" actId="790"/>
          <ac:spMkLst>
            <pc:docMk/>
            <pc:sldMk cId="3471251357" sldId="488"/>
            <ac:spMk id="9" creationId="{B66CD070-08BE-40B5-A3EB-EDFA44BF18DC}"/>
          </ac:spMkLst>
        </pc:spChg>
        <pc:spChg chg="mod">
          <ac:chgData name="Merve Turhan" userId="3594cd17-5953-4511-8d53-8cfc799250e7" providerId="ADAL" clId="{01E56475-575D-4CD2-B720-B8D0ED314503}" dt="2022-02-21T13:07:03.455" v="1500" actId="790"/>
          <ac:spMkLst>
            <pc:docMk/>
            <pc:sldMk cId="3471251357" sldId="488"/>
            <ac:spMk id="12" creationId="{418C308A-F1DF-4769-8B60-9454B35CC47C}"/>
          </ac:spMkLst>
        </pc:spChg>
        <pc:spChg chg="mod">
          <ac:chgData name="Merve Turhan" userId="3594cd17-5953-4511-8d53-8cfc799250e7" providerId="ADAL" clId="{01E56475-575D-4CD2-B720-B8D0ED314503}" dt="2022-02-21T13:07:03.456" v="1501" actId="790"/>
          <ac:spMkLst>
            <pc:docMk/>
            <pc:sldMk cId="3471251357" sldId="488"/>
            <ac:spMk id="15" creationId="{07A7D3D3-D9CE-4129-905E-B098D4DEEAE6}"/>
          </ac:spMkLst>
        </pc:spChg>
        <pc:spChg chg="mod">
          <ac:chgData name="Merve Turhan" userId="3594cd17-5953-4511-8d53-8cfc799250e7" providerId="ADAL" clId="{01E56475-575D-4CD2-B720-B8D0ED314503}" dt="2022-02-21T13:07:03.457" v="1502" actId="790"/>
          <ac:spMkLst>
            <pc:docMk/>
            <pc:sldMk cId="3471251357" sldId="488"/>
            <ac:spMk id="18" creationId="{FCF526CC-1334-49F5-9DCE-CECCBC1A8F22}"/>
          </ac:spMkLst>
        </pc:spChg>
      </pc:sldChg>
      <pc:sldChg chg="modSp del mod">
        <pc:chgData name="Merve Turhan" userId="3594cd17-5953-4511-8d53-8cfc799250e7" providerId="ADAL" clId="{01E56475-575D-4CD2-B720-B8D0ED314503}" dt="2022-02-21T13:05:15.700" v="1228" actId="47"/>
        <pc:sldMkLst>
          <pc:docMk/>
          <pc:sldMk cId="3059857834" sldId="489"/>
        </pc:sldMkLst>
        <pc:spChg chg="mod">
          <ac:chgData name="Merve Turhan" userId="3594cd17-5953-4511-8d53-8cfc799250e7" providerId="ADAL" clId="{01E56475-575D-4CD2-B720-B8D0ED314503}" dt="2022-02-21T08:08:38.953" v="483" actId="790"/>
          <ac:spMkLst>
            <pc:docMk/>
            <pc:sldMk cId="3059857834" sldId="489"/>
            <ac:spMk id="2" creationId="{F6874C52-C64D-4484-AC7B-A1D04547743F}"/>
          </ac:spMkLst>
        </pc:spChg>
        <pc:spChg chg="mod">
          <ac:chgData name="Merve Turhan" userId="3594cd17-5953-4511-8d53-8cfc799250e7" providerId="ADAL" clId="{01E56475-575D-4CD2-B720-B8D0ED314503}" dt="2022-02-21T08:08:38.955" v="487" actId="790"/>
          <ac:spMkLst>
            <pc:docMk/>
            <pc:sldMk cId="3059857834" sldId="489"/>
            <ac:spMk id="15" creationId="{8D458109-C9C4-4DA5-A226-D28EE1B396F7}"/>
          </ac:spMkLst>
        </pc:spChg>
        <pc:spChg chg="mod">
          <ac:chgData name="Merve Turhan" userId="3594cd17-5953-4511-8d53-8cfc799250e7" providerId="ADAL" clId="{01E56475-575D-4CD2-B720-B8D0ED314503}" dt="2022-02-21T08:08:38.956" v="488" actId="790"/>
          <ac:spMkLst>
            <pc:docMk/>
            <pc:sldMk cId="3059857834" sldId="489"/>
            <ac:spMk id="20" creationId="{ACDB0512-209B-4C28-922E-A341E9629EF4}"/>
          </ac:spMkLst>
        </pc:spChg>
        <pc:spChg chg="mod">
          <ac:chgData name="Merve Turhan" userId="3594cd17-5953-4511-8d53-8cfc799250e7" providerId="ADAL" clId="{01E56475-575D-4CD2-B720-B8D0ED314503}" dt="2022-02-21T08:08:38.954" v="484" actId="790"/>
          <ac:spMkLst>
            <pc:docMk/>
            <pc:sldMk cId="3059857834" sldId="489"/>
            <ac:spMk id="22" creationId="{B71FB6CF-2F31-47C2-8C81-641230E6ECE0}"/>
          </ac:spMkLst>
        </pc:spChg>
        <pc:spChg chg="mod">
          <ac:chgData name="Merve Turhan" userId="3594cd17-5953-4511-8d53-8cfc799250e7" providerId="ADAL" clId="{01E56475-575D-4CD2-B720-B8D0ED314503}" dt="2022-02-21T08:08:38.954" v="485" actId="790"/>
          <ac:spMkLst>
            <pc:docMk/>
            <pc:sldMk cId="3059857834" sldId="489"/>
            <ac:spMk id="23" creationId="{F8421694-2489-4B06-B52E-B2668589F03A}"/>
          </ac:spMkLst>
        </pc:spChg>
        <pc:spChg chg="mod">
          <ac:chgData name="Merve Turhan" userId="3594cd17-5953-4511-8d53-8cfc799250e7" providerId="ADAL" clId="{01E56475-575D-4CD2-B720-B8D0ED314503}" dt="2022-02-21T08:08:38.955" v="486" actId="790"/>
          <ac:spMkLst>
            <pc:docMk/>
            <pc:sldMk cId="3059857834" sldId="489"/>
            <ac:spMk id="39" creationId="{7AAC3999-FF0E-4B5D-9DA1-8EE5860D93CC}"/>
          </ac:spMkLst>
        </pc:spChg>
        <pc:spChg chg="mod">
          <ac:chgData name="Merve Turhan" userId="3594cd17-5953-4511-8d53-8cfc799250e7" providerId="ADAL" clId="{01E56475-575D-4CD2-B720-B8D0ED314503}" dt="2022-02-21T08:08:38.957" v="489"/>
          <ac:spMkLst>
            <pc:docMk/>
            <pc:sldMk cId="3059857834" sldId="489"/>
            <ac:spMk id="91" creationId="{82C5D878-B228-44D1-BF3C-ECAFECFB5CA5}"/>
          </ac:spMkLst>
        </pc:spChg>
      </pc:sldChg>
      <pc:sldChg chg="add del">
        <pc:chgData name="Merve Turhan" userId="3594cd17-5953-4511-8d53-8cfc799250e7" providerId="ADAL" clId="{01E56475-575D-4CD2-B720-B8D0ED314503}" dt="2022-02-22T11:21:55.066" v="8655" actId="2696"/>
        <pc:sldMkLst>
          <pc:docMk/>
          <pc:sldMk cId="1289197742" sldId="491"/>
        </pc:sldMkLst>
      </pc:sldChg>
      <pc:sldChg chg="modSp add mod">
        <pc:chgData name="Merve Turhan" userId="3594cd17-5953-4511-8d53-8cfc799250e7" providerId="ADAL" clId="{01E56475-575D-4CD2-B720-B8D0ED314503}" dt="2022-02-23T18:30:59.750" v="11459" actId="790"/>
        <pc:sldMkLst>
          <pc:docMk/>
          <pc:sldMk cId="2125387437" sldId="491"/>
        </pc:sldMkLst>
        <pc:spChg chg="mod">
          <ac:chgData name="Merve Turhan" userId="3594cd17-5953-4511-8d53-8cfc799250e7" providerId="ADAL" clId="{01E56475-575D-4CD2-B720-B8D0ED314503}" dt="2022-02-23T18:30:59.744" v="11453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01E56475-575D-4CD2-B720-B8D0ED314503}" dt="2022-02-23T18:30:59.746" v="11454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01E56475-575D-4CD2-B720-B8D0ED314503}" dt="2022-02-23T18:30:59.747" v="11455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01E56475-575D-4CD2-B720-B8D0ED314503}" dt="2022-02-23T18:30:59.748" v="11456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01E56475-575D-4CD2-B720-B8D0ED314503}" dt="2022-02-23T18:30:59.749" v="11457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01E56475-575D-4CD2-B720-B8D0ED314503}" dt="2022-02-23T18:30:59.749" v="11458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01E56475-575D-4CD2-B720-B8D0ED314503}" dt="2022-02-23T18:30:59.750" v="11459" actId="790"/>
          <ac:spMkLst>
            <pc:docMk/>
            <pc:sldMk cId="2125387437" sldId="491"/>
            <ac:spMk id="86" creationId="{881A8DC3-4C8F-42E9-BD08-9AC9D66EFDE1}"/>
          </ac:spMkLst>
        </pc:spChg>
      </pc:sldChg>
      <pc:sldChg chg="modSp del mod">
        <pc:chgData name="Merve Turhan" userId="3594cd17-5953-4511-8d53-8cfc799250e7" providerId="ADAL" clId="{01E56475-575D-4CD2-B720-B8D0ED314503}" dt="2022-02-22T11:20:45.978" v="8653" actId="2696"/>
        <pc:sldMkLst>
          <pc:docMk/>
          <pc:sldMk cId="2955265277" sldId="491"/>
        </pc:sldMkLst>
        <pc:spChg chg="mod">
          <ac:chgData name="Merve Turhan" userId="3594cd17-5953-4511-8d53-8cfc799250e7" providerId="ADAL" clId="{01E56475-575D-4CD2-B720-B8D0ED314503}" dt="2022-02-21T13:07:03.331" v="1276" actId="790"/>
          <ac:spMkLst>
            <pc:docMk/>
            <pc:sldMk cId="295526527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01E56475-575D-4CD2-B720-B8D0ED314503}" dt="2022-02-21T13:07:03.333" v="1277" actId="790"/>
          <ac:spMkLst>
            <pc:docMk/>
            <pc:sldMk cId="295526527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01E56475-575D-4CD2-B720-B8D0ED314503}" dt="2022-02-21T13:07:03.334" v="1278"/>
          <ac:spMkLst>
            <pc:docMk/>
            <pc:sldMk cId="295526527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01E56475-575D-4CD2-B720-B8D0ED314503}" dt="2022-02-21T13:07:03.334" v="1279" actId="790"/>
          <ac:spMkLst>
            <pc:docMk/>
            <pc:sldMk cId="295526527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01E56475-575D-4CD2-B720-B8D0ED314503}" dt="2022-02-21T13:07:03.335" v="1280" actId="790"/>
          <ac:spMkLst>
            <pc:docMk/>
            <pc:sldMk cId="295526527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01E56475-575D-4CD2-B720-B8D0ED314503}" dt="2022-02-21T13:07:03.335" v="1281" actId="790"/>
          <ac:spMkLst>
            <pc:docMk/>
            <pc:sldMk cId="295526527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01E56475-575D-4CD2-B720-B8D0ED314503}" dt="2022-02-21T13:07:03.336" v="1282" actId="790"/>
          <ac:spMkLst>
            <pc:docMk/>
            <pc:sldMk cId="2955265277" sldId="491"/>
            <ac:spMk id="86" creationId="{881A8DC3-4C8F-42E9-BD08-9AC9D66EFDE1}"/>
          </ac:spMkLst>
        </pc:spChg>
      </pc:sldChg>
      <pc:sldChg chg="add del">
        <pc:chgData name="Merve Turhan" userId="3594cd17-5953-4511-8d53-8cfc799250e7" providerId="ADAL" clId="{01E56475-575D-4CD2-B720-B8D0ED314503}" dt="2022-02-22T11:21:55.066" v="8655" actId="2696"/>
        <pc:sldMkLst>
          <pc:docMk/>
          <pc:sldMk cId="1685811513" sldId="492"/>
        </pc:sldMkLst>
      </pc:sldChg>
      <pc:sldChg chg="modSp del mod ord modNotesTx">
        <pc:chgData name="Merve Turhan" userId="3594cd17-5953-4511-8d53-8cfc799250e7" providerId="ADAL" clId="{01E56475-575D-4CD2-B720-B8D0ED314503}" dt="2022-02-22T11:20:45.978" v="8653" actId="2696"/>
        <pc:sldMkLst>
          <pc:docMk/>
          <pc:sldMk cId="2411108635" sldId="492"/>
        </pc:sldMkLst>
        <pc:spChg chg="mod">
          <ac:chgData name="Merve Turhan" userId="3594cd17-5953-4511-8d53-8cfc799250e7" providerId="ADAL" clId="{01E56475-575D-4CD2-B720-B8D0ED314503}" dt="2022-02-21T16:45:08.279" v="1996" actId="20577"/>
          <ac:spMkLst>
            <pc:docMk/>
            <pc:sldMk cId="2411108635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01E56475-575D-4CD2-B720-B8D0ED314503}" dt="2022-02-21T19:01:39.101" v="2474" actId="313"/>
          <ac:spMkLst>
            <pc:docMk/>
            <pc:sldMk cId="2411108635" sldId="492"/>
            <ac:spMk id="3" creationId="{E912B625-664A-4682-A8C2-487112DC98B6}"/>
          </ac:spMkLst>
        </pc:spChg>
      </pc:sldChg>
      <pc:sldChg chg="modSp add mod">
        <pc:chgData name="Merve Turhan" userId="3594cd17-5953-4511-8d53-8cfc799250e7" providerId="ADAL" clId="{01E56475-575D-4CD2-B720-B8D0ED314503}" dt="2022-02-23T18:30:59.756" v="11461" actId="790"/>
        <pc:sldMkLst>
          <pc:docMk/>
          <pc:sldMk cId="3526453984" sldId="492"/>
        </pc:sldMkLst>
        <pc:spChg chg="mod">
          <ac:chgData name="Merve Turhan" userId="3594cd17-5953-4511-8d53-8cfc799250e7" providerId="ADAL" clId="{01E56475-575D-4CD2-B720-B8D0ED314503}" dt="2022-02-23T18:30:59.751" v="11460" actId="790"/>
          <ac:spMkLst>
            <pc:docMk/>
            <pc:sldMk cId="3526453984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01E56475-575D-4CD2-B720-B8D0ED314503}" dt="2022-02-23T18:30:59.756" v="11461" actId="790"/>
          <ac:spMkLst>
            <pc:docMk/>
            <pc:sldMk cId="3526453984" sldId="492"/>
            <ac:spMk id="3" creationId="{E912B625-664A-4682-A8C2-487112DC98B6}"/>
          </ac:spMkLst>
        </pc:spChg>
      </pc:sldChg>
      <pc:sldChg chg="modSp del mod">
        <pc:chgData name="Merve Turhan" userId="3594cd17-5953-4511-8d53-8cfc799250e7" providerId="ADAL" clId="{01E56475-575D-4CD2-B720-B8D0ED314503}" dt="2022-02-21T14:17:46.176" v="1961" actId="47"/>
        <pc:sldMkLst>
          <pc:docMk/>
          <pc:sldMk cId="3350414083" sldId="493"/>
        </pc:sldMkLst>
        <pc:spChg chg="mod">
          <ac:chgData name="Merve Turhan" userId="3594cd17-5953-4511-8d53-8cfc799250e7" providerId="ADAL" clId="{01E56475-575D-4CD2-B720-B8D0ED314503}" dt="2022-02-21T14:16:51.793" v="1959" actId="20577"/>
          <ac:spMkLst>
            <pc:docMk/>
            <pc:sldMk cId="3350414083" sldId="493"/>
            <ac:spMk id="2" creationId="{F3025377-3062-4E25-932B-581BA776C027}"/>
          </ac:spMkLst>
        </pc:spChg>
        <pc:spChg chg="mod">
          <ac:chgData name="Merve Turhan" userId="3594cd17-5953-4511-8d53-8cfc799250e7" providerId="ADAL" clId="{01E56475-575D-4CD2-B720-B8D0ED314503}" dt="2022-02-21T13:07:03.331" v="1275"/>
          <ac:spMkLst>
            <pc:docMk/>
            <pc:sldMk cId="3350414083" sldId="493"/>
            <ac:spMk id="3" creationId="{F6098B46-58EB-489C-B78F-F6257AA55FFD}"/>
          </ac:spMkLst>
        </pc:spChg>
      </pc:sldChg>
      <pc:sldChg chg="modSp del mod">
        <pc:chgData name="Merve Turhan" userId="3594cd17-5953-4511-8d53-8cfc799250e7" providerId="ADAL" clId="{01E56475-575D-4CD2-B720-B8D0ED314503}" dt="2022-02-21T16:46:50.792" v="1997" actId="47"/>
        <pc:sldMkLst>
          <pc:docMk/>
          <pc:sldMk cId="1375469727" sldId="494"/>
        </pc:sldMkLst>
        <pc:spChg chg="mod">
          <ac:chgData name="Merve Turhan" userId="3594cd17-5953-4511-8d53-8cfc799250e7" providerId="ADAL" clId="{01E56475-575D-4CD2-B720-B8D0ED314503}" dt="2022-02-21T13:07:03.340" v="1285" actId="790"/>
          <ac:spMkLst>
            <pc:docMk/>
            <pc:sldMk cId="1375469727" sldId="494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1T13:07:03.341" v="1286"/>
          <ac:spMkLst>
            <pc:docMk/>
            <pc:sldMk cId="1375469727" sldId="494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1T13:07:03.341" v="1287" actId="790"/>
          <ac:spMkLst>
            <pc:docMk/>
            <pc:sldMk cId="1375469727" sldId="494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1T13:07:03.342" v="1288" actId="790"/>
          <ac:spMkLst>
            <pc:docMk/>
            <pc:sldMk cId="1375469727" sldId="494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1T13:07:03.342" v="1289" actId="790"/>
          <ac:spMkLst>
            <pc:docMk/>
            <pc:sldMk cId="1375469727" sldId="494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1T13:07:03.343" v="1290" actId="790"/>
          <ac:spMkLst>
            <pc:docMk/>
            <pc:sldMk cId="1375469727" sldId="494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1T13:07:03.344" v="1291" actId="790"/>
          <ac:spMkLst>
            <pc:docMk/>
            <pc:sldMk cId="1375469727" sldId="494"/>
            <ac:spMk id="15" creationId="{7FF76BA8-71F4-4AF4-9933-73900FF6CD68}"/>
          </ac:spMkLst>
        </pc:spChg>
        <pc:spChg chg="mod">
          <ac:chgData name="Merve Turhan" userId="3594cd17-5953-4511-8d53-8cfc799250e7" providerId="ADAL" clId="{01E56475-575D-4CD2-B720-B8D0ED314503}" dt="2022-02-21T13:07:03.344" v="1292"/>
          <ac:spMkLst>
            <pc:docMk/>
            <pc:sldMk cId="1375469727" sldId="494"/>
            <ac:spMk id="16" creationId="{861BABB0-65A0-4611-9B94-E36C8FC16FF6}"/>
          </ac:spMkLst>
        </pc:spChg>
      </pc:sldChg>
      <pc:sldChg chg="addSp delSp modSp mod modAnim">
        <pc:chgData name="Merve Turhan" userId="3594cd17-5953-4511-8d53-8cfc799250e7" providerId="ADAL" clId="{01E56475-575D-4CD2-B720-B8D0ED314503}" dt="2022-02-23T18:30:59.891" v="11667"/>
        <pc:sldMkLst>
          <pc:docMk/>
          <pc:sldMk cId="1207694637" sldId="496"/>
        </pc:sldMkLst>
        <pc:spChg chg="mod">
          <ac:chgData name="Merve Turhan" userId="3594cd17-5953-4511-8d53-8cfc799250e7" providerId="ADAL" clId="{01E56475-575D-4CD2-B720-B8D0ED314503}" dt="2022-02-23T18:30:59.889" v="11665" actId="790"/>
          <ac:spMkLst>
            <pc:docMk/>
            <pc:sldMk cId="1207694637" sldId="496"/>
            <ac:spMk id="2" creationId="{5552E3F4-9A06-4671-B090-DF3C6F71903B}"/>
          </ac:spMkLst>
        </pc:spChg>
        <pc:spChg chg="del mod">
          <ac:chgData name="Merve Turhan" userId="3594cd17-5953-4511-8d53-8cfc799250e7" providerId="ADAL" clId="{01E56475-575D-4CD2-B720-B8D0ED314503}" dt="2022-02-21T22:38:45.744" v="5606"/>
          <ac:spMkLst>
            <pc:docMk/>
            <pc:sldMk cId="1207694637" sldId="496"/>
            <ac:spMk id="3" creationId="{B401D54D-1D87-477D-AF2E-ACEEC35FE362}"/>
          </ac:spMkLst>
        </pc:spChg>
        <pc:spChg chg="add del">
          <ac:chgData name="Merve Turhan" userId="3594cd17-5953-4511-8d53-8cfc799250e7" providerId="ADAL" clId="{01E56475-575D-4CD2-B720-B8D0ED314503}" dt="2022-02-22T07:11:15.906" v="6800" actId="22"/>
          <ac:spMkLst>
            <pc:docMk/>
            <pc:sldMk cId="1207694637" sldId="496"/>
            <ac:spMk id="9" creationId="{B39B4BC5-79D8-4D8A-96BB-0D3122960702}"/>
          </ac:spMkLst>
        </pc:spChg>
        <pc:spChg chg="add mod">
          <ac:chgData name="Merve Turhan" userId="3594cd17-5953-4511-8d53-8cfc799250e7" providerId="ADAL" clId="{01E56475-575D-4CD2-B720-B8D0ED314503}" dt="2022-02-23T18:30:59.890" v="11666" actId="790"/>
          <ac:spMkLst>
            <pc:docMk/>
            <pc:sldMk cId="1207694637" sldId="496"/>
            <ac:spMk id="11" creationId="{40DF9E16-FDDF-4F36-92F7-2C33F6D7DA15}"/>
          </ac:spMkLst>
        </pc:spChg>
        <pc:spChg chg="add mod">
          <ac:chgData name="Merve Turhan" userId="3594cd17-5953-4511-8d53-8cfc799250e7" providerId="ADAL" clId="{01E56475-575D-4CD2-B720-B8D0ED314503}" dt="2022-02-23T18:30:59.891" v="11667"/>
          <ac:spMkLst>
            <pc:docMk/>
            <pc:sldMk cId="1207694637" sldId="496"/>
            <ac:spMk id="12" creationId="{D643F25B-8492-4DBB-97E5-26AEE18BC390}"/>
          </ac:spMkLst>
        </pc:spChg>
        <pc:spChg chg="add del mod">
          <ac:chgData name="Merve Turhan" userId="3594cd17-5953-4511-8d53-8cfc799250e7" providerId="ADAL" clId="{01E56475-575D-4CD2-B720-B8D0ED314503}" dt="2022-02-22T07:13:52.407" v="6899" actId="478"/>
          <ac:spMkLst>
            <pc:docMk/>
            <pc:sldMk cId="1207694637" sldId="496"/>
            <ac:spMk id="14" creationId="{4B1A8775-FD98-4E91-BE4E-F3087015F550}"/>
          </ac:spMkLst>
        </pc:spChg>
        <pc:picChg chg="add del mod">
          <ac:chgData name="Merve Turhan" userId="3594cd17-5953-4511-8d53-8cfc799250e7" providerId="ADAL" clId="{01E56475-575D-4CD2-B720-B8D0ED314503}" dt="2022-02-22T07:13:42.482" v="6897" actId="478"/>
          <ac:picMkLst>
            <pc:docMk/>
            <pc:sldMk cId="1207694637" sldId="496"/>
            <ac:picMk id="5" creationId="{C4E78565-4037-4AAC-9BE0-360ECF1CD188}"/>
          </ac:picMkLst>
        </pc:picChg>
        <pc:picChg chg="add del mod">
          <ac:chgData name="Merve Turhan" userId="3594cd17-5953-4511-8d53-8cfc799250e7" providerId="ADAL" clId="{01E56475-575D-4CD2-B720-B8D0ED314503}" dt="2022-02-22T07:13:39.375" v="6895" actId="478"/>
          <ac:picMkLst>
            <pc:docMk/>
            <pc:sldMk cId="1207694637" sldId="496"/>
            <ac:picMk id="7" creationId="{CE509DD8-DABB-4ABF-9570-8B41232C903F}"/>
          </ac:picMkLst>
        </pc:picChg>
      </pc:sldChg>
      <pc:sldChg chg="modSp del mod">
        <pc:chgData name="Merve Turhan" userId="3594cd17-5953-4511-8d53-8cfc799250e7" providerId="ADAL" clId="{01E56475-575D-4CD2-B720-B8D0ED314503}" dt="2022-02-21T13:51:10.206" v="1846" actId="47"/>
        <pc:sldMkLst>
          <pc:docMk/>
          <pc:sldMk cId="2966937564" sldId="497"/>
        </pc:sldMkLst>
        <pc:spChg chg="mod">
          <ac:chgData name="Merve Turhan" userId="3594cd17-5953-4511-8d53-8cfc799250e7" providerId="ADAL" clId="{01E56475-575D-4CD2-B720-B8D0ED314503}" dt="2022-02-21T13:07:03.328" v="1272" actId="790"/>
          <ac:spMkLst>
            <pc:docMk/>
            <pc:sldMk cId="2966937564" sldId="497"/>
            <ac:spMk id="2" creationId="{F3CAB82F-F2C7-46A0-B54F-B614E79C4B60}"/>
          </ac:spMkLst>
        </pc:spChg>
        <pc:spChg chg="mod">
          <ac:chgData name="Merve Turhan" userId="3594cd17-5953-4511-8d53-8cfc799250e7" providerId="ADAL" clId="{01E56475-575D-4CD2-B720-B8D0ED314503}" dt="2022-02-21T13:07:03.329" v="1273"/>
          <ac:spMkLst>
            <pc:docMk/>
            <pc:sldMk cId="2966937564" sldId="497"/>
            <ac:spMk id="3" creationId="{33B28E74-305B-4E61-8420-C7007B8BFB6D}"/>
          </ac:spMkLst>
        </pc:spChg>
      </pc:sldChg>
      <pc:sldChg chg="delSp modSp del mod">
        <pc:chgData name="Merve Turhan" userId="3594cd17-5953-4511-8d53-8cfc799250e7" providerId="ADAL" clId="{01E56475-575D-4CD2-B720-B8D0ED314503}" dt="2022-02-21T21:44:09.285" v="3832" actId="47"/>
        <pc:sldMkLst>
          <pc:docMk/>
          <pc:sldMk cId="2674755033" sldId="498"/>
        </pc:sldMkLst>
        <pc:spChg chg="mod">
          <ac:chgData name="Merve Turhan" userId="3594cd17-5953-4511-8d53-8cfc799250e7" providerId="ADAL" clId="{01E56475-575D-4CD2-B720-B8D0ED314503}" dt="2022-02-21T13:07:03.398" v="1400" actId="790"/>
          <ac:spMkLst>
            <pc:docMk/>
            <pc:sldMk cId="2674755033" sldId="498"/>
            <ac:spMk id="2" creationId="{145A5B86-CDEE-4EAD-814B-D0C826FD40F3}"/>
          </ac:spMkLst>
        </pc:spChg>
        <pc:spChg chg="mod">
          <ac:chgData name="Merve Turhan" userId="3594cd17-5953-4511-8d53-8cfc799250e7" providerId="ADAL" clId="{01E56475-575D-4CD2-B720-B8D0ED314503}" dt="2022-02-21T21:18:19.289" v="3686" actId="20577"/>
          <ac:spMkLst>
            <pc:docMk/>
            <pc:sldMk cId="2674755033" sldId="498"/>
            <ac:spMk id="3" creationId="{0725F03B-7FF5-4B82-84E1-122CEE6079CC}"/>
          </ac:spMkLst>
        </pc:spChg>
        <pc:spChg chg="mod">
          <ac:chgData name="Merve Turhan" userId="3594cd17-5953-4511-8d53-8cfc799250e7" providerId="ADAL" clId="{01E56475-575D-4CD2-B720-B8D0ED314503}" dt="2022-02-21T13:07:03.404" v="1403" actId="790"/>
          <ac:spMkLst>
            <pc:docMk/>
            <pc:sldMk cId="2674755033" sldId="498"/>
            <ac:spMk id="5" creationId="{C0E43549-C2F3-4226-8CF6-5A3B88C76930}"/>
          </ac:spMkLst>
        </pc:spChg>
        <pc:spChg chg="mod">
          <ac:chgData name="Merve Turhan" userId="3594cd17-5953-4511-8d53-8cfc799250e7" providerId="ADAL" clId="{01E56475-575D-4CD2-B720-B8D0ED314503}" dt="2022-02-21T13:07:03.404" v="1402" actId="790"/>
          <ac:spMkLst>
            <pc:docMk/>
            <pc:sldMk cId="2674755033" sldId="498"/>
            <ac:spMk id="6" creationId="{0BF68993-B3F5-44AD-A7C7-CD355E77AE73}"/>
          </ac:spMkLst>
        </pc:spChg>
        <pc:spChg chg="mod">
          <ac:chgData name="Merve Turhan" userId="3594cd17-5953-4511-8d53-8cfc799250e7" providerId="ADAL" clId="{01E56475-575D-4CD2-B720-B8D0ED314503}" dt="2022-02-21T13:07:03.405" v="1404" actId="790"/>
          <ac:spMkLst>
            <pc:docMk/>
            <pc:sldMk cId="2674755033" sldId="498"/>
            <ac:spMk id="7" creationId="{8C106D0A-D965-4685-BB94-2ACB5AF9597B}"/>
          </ac:spMkLst>
        </pc:spChg>
        <pc:spChg chg="mod">
          <ac:chgData name="Merve Turhan" userId="3594cd17-5953-4511-8d53-8cfc799250e7" providerId="ADAL" clId="{01E56475-575D-4CD2-B720-B8D0ED314503}" dt="2022-02-21T13:07:03.406" v="1405" actId="790"/>
          <ac:spMkLst>
            <pc:docMk/>
            <pc:sldMk cId="2674755033" sldId="498"/>
            <ac:spMk id="8" creationId="{79D7E8FD-5ABF-4C09-B53D-EA9670B7FB8E}"/>
          </ac:spMkLst>
        </pc:spChg>
        <pc:spChg chg="mod">
          <ac:chgData name="Merve Turhan" userId="3594cd17-5953-4511-8d53-8cfc799250e7" providerId="ADAL" clId="{01E56475-575D-4CD2-B720-B8D0ED314503}" dt="2022-02-21T13:07:03.406" v="1406" actId="790"/>
          <ac:spMkLst>
            <pc:docMk/>
            <pc:sldMk cId="2674755033" sldId="498"/>
            <ac:spMk id="9" creationId="{B01D6B3A-4943-432B-ABB6-0C8FFC81B081}"/>
          </ac:spMkLst>
        </pc:spChg>
        <pc:spChg chg="mod">
          <ac:chgData name="Merve Turhan" userId="3594cd17-5953-4511-8d53-8cfc799250e7" providerId="ADAL" clId="{01E56475-575D-4CD2-B720-B8D0ED314503}" dt="2022-02-21T13:07:03.407" v="1407" actId="790"/>
          <ac:spMkLst>
            <pc:docMk/>
            <pc:sldMk cId="2674755033" sldId="498"/>
            <ac:spMk id="10" creationId="{4241CF5A-E452-4CC5-A14B-161655AA5210}"/>
          </ac:spMkLst>
        </pc:spChg>
        <pc:spChg chg="mod">
          <ac:chgData name="Merve Turhan" userId="3594cd17-5953-4511-8d53-8cfc799250e7" providerId="ADAL" clId="{01E56475-575D-4CD2-B720-B8D0ED314503}" dt="2022-02-21T13:07:03.408" v="1408" actId="790"/>
          <ac:spMkLst>
            <pc:docMk/>
            <pc:sldMk cId="2674755033" sldId="498"/>
            <ac:spMk id="12" creationId="{64BB2DB5-8C49-4D99-B31C-F12262415E5E}"/>
          </ac:spMkLst>
        </pc:spChg>
        <pc:spChg chg="mod">
          <ac:chgData name="Merve Turhan" userId="3594cd17-5953-4511-8d53-8cfc799250e7" providerId="ADAL" clId="{01E56475-575D-4CD2-B720-B8D0ED314503}" dt="2022-02-21T13:07:03.408" v="1409" actId="790"/>
          <ac:spMkLst>
            <pc:docMk/>
            <pc:sldMk cId="2674755033" sldId="498"/>
            <ac:spMk id="13" creationId="{C6C3BBBC-5107-4865-B187-2688BAFA356D}"/>
          </ac:spMkLst>
        </pc:spChg>
        <pc:spChg chg="mod">
          <ac:chgData name="Merve Turhan" userId="3594cd17-5953-4511-8d53-8cfc799250e7" providerId="ADAL" clId="{01E56475-575D-4CD2-B720-B8D0ED314503}" dt="2022-02-21T13:07:03.409" v="1410" actId="790"/>
          <ac:spMkLst>
            <pc:docMk/>
            <pc:sldMk cId="2674755033" sldId="498"/>
            <ac:spMk id="17" creationId="{BEA32D59-A05B-40B6-824B-EF059F9DC62A}"/>
          </ac:spMkLst>
        </pc:spChg>
        <pc:spChg chg="mod">
          <ac:chgData name="Merve Turhan" userId="3594cd17-5953-4511-8d53-8cfc799250e7" providerId="ADAL" clId="{01E56475-575D-4CD2-B720-B8D0ED314503}" dt="2022-02-21T13:07:03.409" v="1411" actId="790"/>
          <ac:spMkLst>
            <pc:docMk/>
            <pc:sldMk cId="2674755033" sldId="498"/>
            <ac:spMk id="18" creationId="{B24DBF0D-EABE-46D6-9163-3A816515C754}"/>
          </ac:spMkLst>
        </pc:spChg>
        <pc:spChg chg="mod">
          <ac:chgData name="Merve Turhan" userId="3594cd17-5953-4511-8d53-8cfc799250e7" providerId="ADAL" clId="{01E56475-575D-4CD2-B720-B8D0ED314503}" dt="2022-02-21T13:07:03.410" v="1413" actId="790"/>
          <ac:spMkLst>
            <pc:docMk/>
            <pc:sldMk cId="2674755033" sldId="498"/>
            <ac:spMk id="22" creationId="{61AB0C55-CB60-4814-A4C0-C7A5303A5E45}"/>
          </ac:spMkLst>
        </pc:spChg>
        <pc:spChg chg="mod">
          <ac:chgData name="Merve Turhan" userId="3594cd17-5953-4511-8d53-8cfc799250e7" providerId="ADAL" clId="{01E56475-575D-4CD2-B720-B8D0ED314503}" dt="2022-02-21T13:07:03.411" v="1414" actId="790"/>
          <ac:spMkLst>
            <pc:docMk/>
            <pc:sldMk cId="2674755033" sldId="498"/>
            <ac:spMk id="24" creationId="{717D66C0-653D-4C14-9F5F-9C5A8B3B26FB}"/>
          </ac:spMkLst>
        </pc:spChg>
        <pc:spChg chg="mod">
          <ac:chgData name="Merve Turhan" userId="3594cd17-5953-4511-8d53-8cfc799250e7" providerId="ADAL" clId="{01E56475-575D-4CD2-B720-B8D0ED314503}" dt="2022-02-21T13:07:03.411" v="1415" actId="790"/>
          <ac:spMkLst>
            <pc:docMk/>
            <pc:sldMk cId="2674755033" sldId="498"/>
            <ac:spMk id="26" creationId="{1758D4F4-105E-4224-9FB5-65374B0DE5BB}"/>
          </ac:spMkLst>
        </pc:spChg>
        <pc:spChg chg="mod">
          <ac:chgData name="Merve Turhan" userId="3594cd17-5953-4511-8d53-8cfc799250e7" providerId="ADAL" clId="{01E56475-575D-4CD2-B720-B8D0ED314503}" dt="2022-02-21T13:07:03.410" v="1412" actId="790"/>
          <ac:spMkLst>
            <pc:docMk/>
            <pc:sldMk cId="2674755033" sldId="498"/>
            <ac:spMk id="28" creationId="{E1FCDE4D-32F1-4BFA-B671-9B794B96BA60}"/>
          </ac:spMkLst>
        </pc:spChg>
        <pc:spChg chg="mod">
          <ac:chgData name="Merve Turhan" userId="3594cd17-5953-4511-8d53-8cfc799250e7" providerId="ADAL" clId="{01E56475-575D-4CD2-B720-B8D0ED314503}" dt="2022-02-21T13:07:03.412" v="1416" actId="790"/>
          <ac:spMkLst>
            <pc:docMk/>
            <pc:sldMk cId="2674755033" sldId="498"/>
            <ac:spMk id="31" creationId="{247E0441-C92E-47EB-A351-7B8B2BB59ADF}"/>
          </ac:spMkLst>
        </pc:spChg>
        <pc:spChg chg="mod">
          <ac:chgData name="Merve Turhan" userId="3594cd17-5953-4511-8d53-8cfc799250e7" providerId="ADAL" clId="{01E56475-575D-4CD2-B720-B8D0ED314503}" dt="2022-02-21T13:07:03.412" v="1417" actId="790"/>
          <ac:spMkLst>
            <pc:docMk/>
            <pc:sldMk cId="2674755033" sldId="498"/>
            <ac:spMk id="33" creationId="{FE305F45-69AD-4263-9F8F-6517BE36D815}"/>
          </ac:spMkLst>
        </pc:spChg>
        <pc:spChg chg="mod">
          <ac:chgData name="Merve Turhan" userId="3594cd17-5953-4511-8d53-8cfc799250e7" providerId="ADAL" clId="{01E56475-575D-4CD2-B720-B8D0ED314503}" dt="2022-02-21T13:07:03.413" v="1418" actId="790"/>
          <ac:spMkLst>
            <pc:docMk/>
            <pc:sldMk cId="2674755033" sldId="498"/>
            <ac:spMk id="34" creationId="{FB27D682-02D4-4009-B706-AF33390231F5}"/>
          </ac:spMkLst>
        </pc:spChg>
        <pc:picChg chg="del">
          <ac:chgData name="Merve Turhan" userId="3594cd17-5953-4511-8d53-8cfc799250e7" providerId="ADAL" clId="{01E56475-575D-4CD2-B720-B8D0ED314503}" dt="2022-02-21T21:18:14.348" v="3683" actId="478"/>
          <ac:picMkLst>
            <pc:docMk/>
            <pc:sldMk cId="2674755033" sldId="498"/>
            <ac:picMk id="25" creationId="{8AB63CE8-8AB6-43DB-A7F4-5C643C214B60}"/>
          </ac:picMkLst>
        </pc:picChg>
      </pc:sldChg>
      <pc:sldChg chg="modSp del mod">
        <pc:chgData name="Merve Turhan" userId="3594cd17-5953-4511-8d53-8cfc799250e7" providerId="ADAL" clId="{01E56475-575D-4CD2-B720-B8D0ED314503}" dt="2022-02-21T21:57:30.678" v="4574" actId="47"/>
        <pc:sldMkLst>
          <pc:docMk/>
          <pc:sldMk cId="2693905312" sldId="499"/>
        </pc:sldMkLst>
        <pc:spChg chg="mod">
          <ac:chgData name="Merve Turhan" userId="3594cd17-5953-4511-8d53-8cfc799250e7" providerId="ADAL" clId="{01E56475-575D-4CD2-B720-B8D0ED314503}" dt="2022-02-21T13:07:03.414" v="1419" actId="790"/>
          <ac:spMkLst>
            <pc:docMk/>
            <pc:sldMk cId="2693905312" sldId="499"/>
            <ac:spMk id="2" creationId="{145A5B86-CDEE-4EAD-814B-D0C826FD40F3}"/>
          </ac:spMkLst>
        </pc:spChg>
        <pc:spChg chg="mod">
          <ac:chgData name="Merve Turhan" userId="3594cd17-5953-4511-8d53-8cfc799250e7" providerId="ADAL" clId="{01E56475-575D-4CD2-B720-B8D0ED314503}" dt="2022-02-21T13:07:03.417" v="1420" actId="790"/>
          <ac:spMkLst>
            <pc:docMk/>
            <pc:sldMk cId="2693905312" sldId="499"/>
            <ac:spMk id="3" creationId="{0725F03B-7FF5-4B82-84E1-122CEE6079CC}"/>
          </ac:spMkLst>
        </pc:spChg>
        <pc:spChg chg="mod">
          <ac:chgData name="Merve Turhan" userId="3594cd17-5953-4511-8d53-8cfc799250e7" providerId="ADAL" clId="{01E56475-575D-4CD2-B720-B8D0ED314503}" dt="2022-02-21T13:07:03.418" v="1422" actId="790"/>
          <ac:spMkLst>
            <pc:docMk/>
            <pc:sldMk cId="2693905312" sldId="499"/>
            <ac:spMk id="5" creationId="{C0E43549-C2F3-4226-8CF6-5A3B88C76930}"/>
          </ac:spMkLst>
        </pc:spChg>
        <pc:spChg chg="mod">
          <ac:chgData name="Merve Turhan" userId="3594cd17-5953-4511-8d53-8cfc799250e7" providerId="ADAL" clId="{01E56475-575D-4CD2-B720-B8D0ED314503}" dt="2022-02-21T13:07:03.418" v="1421" actId="790"/>
          <ac:spMkLst>
            <pc:docMk/>
            <pc:sldMk cId="2693905312" sldId="499"/>
            <ac:spMk id="6" creationId="{0BF68993-B3F5-44AD-A7C7-CD355E77AE73}"/>
          </ac:spMkLst>
        </pc:spChg>
        <pc:spChg chg="mod">
          <ac:chgData name="Merve Turhan" userId="3594cd17-5953-4511-8d53-8cfc799250e7" providerId="ADAL" clId="{01E56475-575D-4CD2-B720-B8D0ED314503}" dt="2022-02-21T13:07:03.419" v="1423" actId="790"/>
          <ac:spMkLst>
            <pc:docMk/>
            <pc:sldMk cId="2693905312" sldId="499"/>
            <ac:spMk id="7" creationId="{8C106D0A-D965-4685-BB94-2ACB5AF9597B}"/>
          </ac:spMkLst>
        </pc:spChg>
        <pc:spChg chg="mod">
          <ac:chgData name="Merve Turhan" userId="3594cd17-5953-4511-8d53-8cfc799250e7" providerId="ADAL" clId="{01E56475-575D-4CD2-B720-B8D0ED314503}" dt="2022-02-21T13:07:03.420" v="1424" actId="790"/>
          <ac:spMkLst>
            <pc:docMk/>
            <pc:sldMk cId="2693905312" sldId="499"/>
            <ac:spMk id="8" creationId="{79D7E8FD-5ABF-4C09-B53D-EA9670B7FB8E}"/>
          </ac:spMkLst>
        </pc:spChg>
        <pc:spChg chg="mod">
          <ac:chgData name="Merve Turhan" userId="3594cd17-5953-4511-8d53-8cfc799250e7" providerId="ADAL" clId="{01E56475-575D-4CD2-B720-B8D0ED314503}" dt="2022-02-21T13:07:03.420" v="1425" actId="790"/>
          <ac:spMkLst>
            <pc:docMk/>
            <pc:sldMk cId="2693905312" sldId="499"/>
            <ac:spMk id="9" creationId="{B01D6B3A-4943-432B-ABB6-0C8FFC81B081}"/>
          </ac:spMkLst>
        </pc:spChg>
        <pc:spChg chg="mod">
          <ac:chgData name="Merve Turhan" userId="3594cd17-5953-4511-8d53-8cfc799250e7" providerId="ADAL" clId="{01E56475-575D-4CD2-B720-B8D0ED314503}" dt="2022-02-21T13:07:03.421" v="1426" actId="790"/>
          <ac:spMkLst>
            <pc:docMk/>
            <pc:sldMk cId="2693905312" sldId="499"/>
            <ac:spMk id="10" creationId="{4241CF5A-E452-4CC5-A14B-161655AA5210}"/>
          </ac:spMkLst>
        </pc:spChg>
        <pc:spChg chg="mod">
          <ac:chgData name="Merve Turhan" userId="3594cd17-5953-4511-8d53-8cfc799250e7" providerId="ADAL" clId="{01E56475-575D-4CD2-B720-B8D0ED314503}" dt="2022-02-21T13:07:03.422" v="1427" actId="790"/>
          <ac:spMkLst>
            <pc:docMk/>
            <pc:sldMk cId="2693905312" sldId="499"/>
            <ac:spMk id="12" creationId="{64BB2DB5-8C49-4D99-B31C-F12262415E5E}"/>
          </ac:spMkLst>
        </pc:spChg>
        <pc:spChg chg="mod">
          <ac:chgData name="Merve Turhan" userId="3594cd17-5953-4511-8d53-8cfc799250e7" providerId="ADAL" clId="{01E56475-575D-4CD2-B720-B8D0ED314503}" dt="2022-02-21T13:07:03.422" v="1428" actId="790"/>
          <ac:spMkLst>
            <pc:docMk/>
            <pc:sldMk cId="2693905312" sldId="499"/>
            <ac:spMk id="13" creationId="{C6C3BBBC-5107-4865-B187-2688BAFA356D}"/>
          </ac:spMkLst>
        </pc:spChg>
        <pc:spChg chg="mod">
          <ac:chgData name="Merve Turhan" userId="3594cd17-5953-4511-8d53-8cfc799250e7" providerId="ADAL" clId="{01E56475-575D-4CD2-B720-B8D0ED314503}" dt="2022-02-21T13:07:03.425" v="1433" actId="790"/>
          <ac:spMkLst>
            <pc:docMk/>
            <pc:sldMk cId="2693905312" sldId="499"/>
            <ac:spMk id="15" creationId="{4D94C26A-B224-43C2-AD0D-51BB7ACE6C66}"/>
          </ac:spMkLst>
        </pc:spChg>
        <pc:spChg chg="mod">
          <ac:chgData name="Merve Turhan" userId="3594cd17-5953-4511-8d53-8cfc799250e7" providerId="ADAL" clId="{01E56475-575D-4CD2-B720-B8D0ED314503}" dt="2022-02-21T13:07:03.423" v="1429" actId="790"/>
          <ac:spMkLst>
            <pc:docMk/>
            <pc:sldMk cId="2693905312" sldId="499"/>
            <ac:spMk id="17" creationId="{BEA32D59-A05B-40B6-824B-EF059F9DC62A}"/>
          </ac:spMkLst>
        </pc:spChg>
        <pc:spChg chg="mod">
          <ac:chgData name="Merve Turhan" userId="3594cd17-5953-4511-8d53-8cfc799250e7" providerId="ADAL" clId="{01E56475-575D-4CD2-B720-B8D0ED314503}" dt="2022-02-21T13:07:03.424" v="1430" actId="790"/>
          <ac:spMkLst>
            <pc:docMk/>
            <pc:sldMk cId="2693905312" sldId="499"/>
            <ac:spMk id="18" creationId="{B24DBF0D-EABE-46D6-9163-3A816515C754}"/>
          </ac:spMkLst>
        </pc:spChg>
        <pc:spChg chg="mod">
          <ac:chgData name="Merve Turhan" userId="3594cd17-5953-4511-8d53-8cfc799250e7" providerId="ADAL" clId="{01E56475-575D-4CD2-B720-B8D0ED314503}" dt="2022-02-21T13:07:03.424" v="1431" actId="790"/>
          <ac:spMkLst>
            <pc:docMk/>
            <pc:sldMk cId="2693905312" sldId="499"/>
            <ac:spMk id="20" creationId="{4120F6FF-A064-45F6-A472-0AA7C29BAAA3}"/>
          </ac:spMkLst>
        </pc:spChg>
        <pc:spChg chg="mod">
          <ac:chgData name="Merve Turhan" userId="3594cd17-5953-4511-8d53-8cfc799250e7" providerId="ADAL" clId="{01E56475-575D-4CD2-B720-B8D0ED314503}" dt="2022-02-21T13:07:03.426" v="1434" actId="790"/>
          <ac:spMkLst>
            <pc:docMk/>
            <pc:sldMk cId="2693905312" sldId="499"/>
            <ac:spMk id="25" creationId="{E6090D84-907F-4306-A683-5BD0E3B8EA9A}"/>
          </ac:spMkLst>
        </pc:spChg>
        <pc:spChg chg="mod">
          <ac:chgData name="Merve Turhan" userId="3594cd17-5953-4511-8d53-8cfc799250e7" providerId="ADAL" clId="{01E56475-575D-4CD2-B720-B8D0ED314503}" dt="2022-02-21T13:07:03.426" v="1435" actId="790"/>
          <ac:spMkLst>
            <pc:docMk/>
            <pc:sldMk cId="2693905312" sldId="499"/>
            <ac:spMk id="26" creationId="{FEB90BED-69E1-482D-8669-955A05270E14}"/>
          </ac:spMkLst>
        </pc:spChg>
        <pc:spChg chg="mod">
          <ac:chgData name="Merve Turhan" userId="3594cd17-5953-4511-8d53-8cfc799250e7" providerId="ADAL" clId="{01E56475-575D-4CD2-B720-B8D0ED314503}" dt="2022-02-21T13:07:03.425" v="1432" actId="790"/>
          <ac:spMkLst>
            <pc:docMk/>
            <pc:sldMk cId="2693905312" sldId="499"/>
            <ac:spMk id="28" creationId="{E1FCDE4D-32F1-4BFA-B671-9B794B96BA60}"/>
          </ac:spMkLst>
        </pc:spChg>
        <pc:spChg chg="mod">
          <ac:chgData name="Merve Turhan" userId="3594cd17-5953-4511-8d53-8cfc799250e7" providerId="ADAL" clId="{01E56475-575D-4CD2-B720-B8D0ED314503}" dt="2022-02-21T13:07:03.427" v="1436" actId="790"/>
          <ac:spMkLst>
            <pc:docMk/>
            <pc:sldMk cId="2693905312" sldId="499"/>
            <ac:spMk id="33" creationId="{6AF2F5CB-22E1-48FB-8C13-9898CC7E9FD1}"/>
          </ac:spMkLst>
        </pc:spChg>
        <pc:spChg chg="mod">
          <ac:chgData name="Merve Turhan" userId="3594cd17-5953-4511-8d53-8cfc799250e7" providerId="ADAL" clId="{01E56475-575D-4CD2-B720-B8D0ED314503}" dt="2022-02-21T13:07:03.427" v="1437" actId="790"/>
          <ac:spMkLst>
            <pc:docMk/>
            <pc:sldMk cId="2693905312" sldId="499"/>
            <ac:spMk id="34" creationId="{5FCB0206-9CA0-4D8A-99BA-2ACF35F4B4D4}"/>
          </ac:spMkLst>
        </pc:spChg>
        <pc:spChg chg="mod">
          <ac:chgData name="Merve Turhan" userId="3594cd17-5953-4511-8d53-8cfc799250e7" providerId="ADAL" clId="{01E56475-575D-4CD2-B720-B8D0ED314503}" dt="2022-02-21T13:07:03.428" v="1438" actId="790"/>
          <ac:spMkLst>
            <pc:docMk/>
            <pc:sldMk cId="2693905312" sldId="499"/>
            <ac:spMk id="36" creationId="{9414CAED-0A38-496F-8720-93EBDDCEB5FD}"/>
          </ac:spMkLst>
        </pc:spChg>
        <pc:spChg chg="mod">
          <ac:chgData name="Merve Turhan" userId="3594cd17-5953-4511-8d53-8cfc799250e7" providerId="ADAL" clId="{01E56475-575D-4CD2-B720-B8D0ED314503}" dt="2022-02-21T13:07:03.428" v="1439" actId="790"/>
          <ac:spMkLst>
            <pc:docMk/>
            <pc:sldMk cId="2693905312" sldId="499"/>
            <ac:spMk id="37" creationId="{A60624C4-D331-42AC-8FE6-B955C7F91ACA}"/>
          </ac:spMkLst>
        </pc:spChg>
      </pc:sldChg>
      <pc:sldChg chg="modSp add mod ord modAnim modNotesTx">
        <pc:chgData name="Merve Turhan" userId="3594cd17-5953-4511-8d53-8cfc799250e7" providerId="ADAL" clId="{01E56475-575D-4CD2-B720-B8D0ED314503}" dt="2022-02-23T22:51:21.849" v="13131" actId="2711"/>
        <pc:sldMkLst>
          <pc:docMk/>
          <pc:sldMk cId="3437026346" sldId="501"/>
        </pc:sldMkLst>
        <pc:spChg chg="mod">
          <ac:chgData name="Merve Turhan" userId="3594cd17-5953-4511-8d53-8cfc799250e7" providerId="ADAL" clId="{01E56475-575D-4CD2-B720-B8D0ED314503}" dt="2022-02-23T22:51:21.849" v="13131" actId="2711"/>
          <ac:spMkLst>
            <pc:docMk/>
            <pc:sldMk cId="3437026346" sldId="501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3T19:46:53.202" v="12302" actId="20577"/>
          <ac:spMkLst>
            <pc:docMk/>
            <pc:sldMk cId="3437026346" sldId="501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3T18:30:59.711" v="11379" actId="790"/>
          <ac:spMkLst>
            <pc:docMk/>
            <pc:sldMk cId="3437026346" sldId="501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3T18:30:59.712" v="11380" actId="790"/>
          <ac:spMkLst>
            <pc:docMk/>
            <pc:sldMk cId="3437026346" sldId="501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3T18:30:59.713" v="11381" actId="790"/>
          <ac:spMkLst>
            <pc:docMk/>
            <pc:sldMk cId="3437026346" sldId="501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3T18:30:59.713" v="11382" actId="790"/>
          <ac:spMkLst>
            <pc:docMk/>
            <pc:sldMk cId="3437026346" sldId="501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3T18:30:59.714" v="11383" actId="790"/>
          <ac:spMkLst>
            <pc:docMk/>
            <pc:sldMk cId="3437026346" sldId="501"/>
            <ac:spMk id="15" creationId="{7FF76BA8-71F4-4AF4-9933-73900FF6CD68}"/>
          </ac:spMkLst>
        </pc:spChg>
        <pc:spChg chg="mod">
          <ac:chgData name="Merve Turhan" userId="3594cd17-5953-4511-8d53-8cfc799250e7" providerId="ADAL" clId="{01E56475-575D-4CD2-B720-B8D0ED314503}" dt="2022-02-23T18:30:59.714" v="11384"/>
          <ac:spMkLst>
            <pc:docMk/>
            <pc:sldMk cId="3437026346" sldId="501"/>
            <ac:spMk id="16" creationId="{861BABB0-65A0-4611-9B94-E36C8FC16FF6}"/>
          </ac:spMkLst>
        </pc:spChg>
      </pc:sldChg>
      <pc:sldChg chg="modSp del mod modAnim">
        <pc:chgData name="Merve Turhan" userId="3594cd17-5953-4511-8d53-8cfc799250e7" providerId="ADAL" clId="{01E56475-575D-4CD2-B720-B8D0ED314503}" dt="2022-02-22T11:18:16.436" v="8642" actId="2696"/>
        <pc:sldMkLst>
          <pc:docMk/>
          <pc:sldMk cId="3565028100" sldId="501"/>
        </pc:sldMkLst>
        <pc:spChg chg="mod">
          <ac:chgData name="Merve Turhan" userId="3594cd17-5953-4511-8d53-8cfc799250e7" providerId="ADAL" clId="{01E56475-575D-4CD2-B720-B8D0ED314503}" dt="2022-02-21T13:07:03.382" v="1372" actId="790"/>
          <ac:spMkLst>
            <pc:docMk/>
            <pc:sldMk cId="3565028100" sldId="501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1T21:44:33.579" v="3874" actId="20577"/>
          <ac:spMkLst>
            <pc:docMk/>
            <pc:sldMk cId="3565028100" sldId="501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1T13:07:03.383" v="1374" actId="790"/>
          <ac:spMkLst>
            <pc:docMk/>
            <pc:sldMk cId="3565028100" sldId="501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1T13:07:03.384" v="1375" actId="790"/>
          <ac:spMkLst>
            <pc:docMk/>
            <pc:sldMk cId="3565028100" sldId="501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1T13:07:03.385" v="1376" actId="790"/>
          <ac:spMkLst>
            <pc:docMk/>
            <pc:sldMk cId="3565028100" sldId="501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1T13:07:03.386" v="1377" actId="790"/>
          <ac:spMkLst>
            <pc:docMk/>
            <pc:sldMk cId="3565028100" sldId="501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1T13:07:03.386" v="1378" actId="790"/>
          <ac:spMkLst>
            <pc:docMk/>
            <pc:sldMk cId="3565028100" sldId="501"/>
            <ac:spMk id="15" creationId="{7FF76BA8-71F4-4AF4-9933-73900FF6CD68}"/>
          </ac:spMkLst>
        </pc:spChg>
        <pc:spChg chg="mod">
          <ac:chgData name="Merve Turhan" userId="3594cd17-5953-4511-8d53-8cfc799250e7" providerId="ADAL" clId="{01E56475-575D-4CD2-B720-B8D0ED314503}" dt="2022-02-21T13:07:03.387" v="1379"/>
          <ac:spMkLst>
            <pc:docMk/>
            <pc:sldMk cId="3565028100" sldId="501"/>
            <ac:spMk id="16" creationId="{861BABB0-65A0-4611-9B94-E36C8FC16FF6}"/>
          </ac:spMkLst>
        </pc:spChg>
      </pc:sldChg>
      <pc:sldChg chg="addSp delSp modSp add mod delAnim modAnim">
        <pc:chgData name="Merve Turhan" userId="3594cd17-5953-4511-8d53-8cfc799250e7" providerId="ADAL" clId="{01E56475-575D-4CD2-B720-B8D0ED314503}" dt="2022-02-24T08:29:08.956" v="13293" actId="20577"/>
        <pc:sldMkLst>
          <pc:docMk/>
          <pc:sldMk cId="7423119" sldId="503"/>
        </pc:sldMkLst>
        <pc:spChg chg="mod">
          <ac:chgData name="Merve Turhan" userId="3594cd17-5953-4511-8d53-8cfc799250e7" providerId="ADAL" clId="{01E56475-575D-4CD2-B720-B8D0ED314503}" dt="2022-02-23T18:30:59.855" v="11572"/>
          <ac:spMkLst>
            <pc:docMk/>
            <pc:sldMk cId="7423119" sldId="503"/>
            <ac:spMk id="2" creationId="{769D6A69-CA26-4F52-AC72-6E3BAB115F6E}"/>
          </ac:spMkLst>
        </pc:spChg>
        <pc:spChg chg="mod">
          <ac:chgData name="Merve Turhan" userId="3594cd17-5953-4511-8d53-8cfc799250e7" providerId="ADAL" clId="{01E56475-575D-4CD2-B720-B8D0ED314503}" dt="2022-02-24T08:29:08.956" v="13293" actId="20577"/>
          <ac:spMkLst>
            <pc:docMk/>
            <pc:sldMk cId="7423119" sldId="503"/>
            <ac:spMk id="3" creationId="{564CE5E3-F3B4-4237-88B0-E6459D52AB6F}"/>
          </ac:spMkLst>
        </pc:spChg>
        <pc:spChg chg="mod">
          <ac:chgData name="Merve Turhan" userId="3594cd17-5953-4511-8d53-8cfc799250e7" providerId="ADAL" clId="{01E56475-575D-4CD2-B720-B8D0ED314503}" dt="2022-02-23T22:44:57.053" v="12946" actId="1582"/>
          <ac:spMkLst>
            <pc:docMk/>
            <pc:sldMk cId="7423119" sldId="503"/>
            <ac:spMk id="4" creationId="{8D1B08C6-84B0-4CAB-99A8-6B05FACCFB68}"/>
          </ac:spMkLst>
        </pc:spChg>
        <pc:spChg chg="mod">
          <ac:chgData name="Merve Turhan" userId="3594cd17-5953-4511-8d53-8cfc799250e7" providerId="ADAL" clId="{01E56475-575D-4CD2-B720-B8D0ED314503}" dt="2022-02-23T18:30:59.857" v="11575"/>
          <ac:spMkLst>
            <pc:docMk/>
            <pc:sldMk cId="7423119" sldId="503"/>
            <ac:spMk id="5" creationId="{29F2DF52-DBAC-44C7-96B0-F07A3378557C}"/>
          </ac:spMkLst>
        </pc:spChg>
        <pc:spChg chg="mod">
          <ac:chgData name="Merve Turhan" userId="3594cd17-5953-4511-8d53-8cfc799250e7" providerId="ADAL" clId="{01E56475-575D-4CD2-B720-B8D0ED314503}" dt="2022-02-23T18:30:59.857" v="11576"/>
          <ac:spMkLst>
            <pc:docMk/>
            <pc:sldMk cId="7423119" sldId="503"/>
            <ac:spMk id="6" creationId="{59F27082-D315-413C-AA36-1CD9776A90E3}"/>
          </ac:spMkLst>
        </pc:spChg>
        <pc:spChg chg="mod">
          <ac:chgData name="Merve Turhan" userId="3594cd17-5953-4511-8d53-8cfc799250e7" providerId="ADAL" clId="{01E56475-575D-4CD2-B720-B8D0ED314503}" dt="2022-02-23T18:30:59.857" v="11577"/>
          <ac:spMkLst>
            <pc:docMk/>
            <pc:sldMk cId="7423119" sldId="503"/>
            <ac:spMk id="7" creationId="{D6E72D87-12B6-43D3-88F6-75EEA447F935}"/>
          </ac:spMkLst>
        </pc:spChg>
        <pc:spChg chg="mod">
          <ac:chgData name="Merve Turhan" userId="3594cd17-5953-4511-8d53-8cfc799250e7" providerId="ADAL" clId="{01E56475-575D-4CD2-B720-B8D0ED314503}" dt="2022-02-23T18:30:59.858" v="11578"/>
          <ac:spMkLst>
            <pc:docMk/>
            <pc:sldMk cId="7423119" sldId="503"/>
            <ac:spMk id="8" creationId="{1640211A-D611-4A80-ACB7-D4DC6E04E250}"/>
          </ac:spMkLst>
        </pc:spChg>
        <pc:spChg chg="mod">
          <ac:chgData name="Merve Turhan" userId="3594cd17-5953-4511-8d53-8cfc799250e7" providerId="ADAL" clId="{01E56475-575D-4CD2-B720-B8D0ED314503}" dt="2022-02-23T18:30:59.858" v="11579"/>
          <ac:spMkLst>
            <pc:docMk/>
            <pc:sldMk cId="7423119" sldId="503"/>
            <ac:spMk id="9" creationId="{9406963F-4B96-45FD-81D7-231AA8DB8EF9}"/>
          </ac:spMkLst>
        </pc:spChg>
        <pc:spChg chg="mod">
          <ac:chgData name="Merve Turhan" userId="3594cd17-5953-4511-8d53-8cfc799250e7" providerId="ADAL" clId="{01E56475-575D-4CD2-B720-B8D0ED314503}" dt="2022-02-23T18:30:59.858" v="11580"/>
          <ac:spMkLst>
            <pc:docMk/>
            <pc:sldMk cId="7423119" sldId="503"/>
            <ac:spMk id="10" creationId="{A161401B-8407-43DC-B6F7-7F531842B358}"/>
          </ac:spMkLst>
        </pc:spChg>
        <pc:spChg chg="del">
          <ac:chgData name="Merve Turhan" userId="3594cd17-5953-4511-8d53-8cfc799250e7" providerId="ADAL" clId="{01E56475-575D-4CD2-B720-B8D0ED314503}" dt="2022-02-21T22:18:41.651" v="5204" actId="478"/>
          <ac:spMkLst>
            <pc:docMk/>
            <pc:sldMk cId="7423119" sldId="503"/>
            <ac:spMk id="14" creationId="{A3A76F6A-C92D-41C3-AE83-5EBC01AA8ADA}"/>
          </ac:spMkLst>
        </pc:spChg>
        <pc:spChg chg="del mod">
          <ac:chgData name="Merve Turhan" userId="3594cd17-5953-4511-8d53-8cfc799250e7" providerId="ADAL" clId="{01E56475-575D-4CD2-B720-B8D0ED314503}" dt="2022-02-23T22:45:11.404" v="12949" actId="478"/>
          <ac:spMkLst>
            <pc:docMk/>
            <pc:sldMk cId="7423119" sldId="503"/>
            <ac:spMk id="16" creationId="{7468A735-DFD0-4EE7-93A6-5B794598D2EE}"/>
          </ac:spMkLst>
        </pc:spChg>
        <pc:spChg chg="del">
          <ac:chgData name="Merve Turhan" userId="3594cd17-5953-4511-8d53-8cfc799250e7" providerId="ADAL" clId="{01E56475-575D-4CD2-B720-B8D0ED314503}" dt="2022-02-21T22:15:55.031" v="5198" actId="478"/>
          <ac:spMkLst>
            <pc:docMk/>
            <pc:sldMk cId="7423119" sldId="503"/>
            <ac:spMk id="19" creationId="{4ED20295-E8F9-4FAE-85A8-FBF6CCC1F26C}"/>
          </ac:spMkLst>
        </pc:spChg>
        <pc:spChg chg="mod">
          <ac:chgData name="Merve Turhan" userId="3594cd17-5953-4511-8d53-8cfc799250e7" providerId="ADAL" clId="{01E56475-575D-4CD2-B720-B8D0ED314503}" dt="2022-02-23T18:30:59.859" v="11582"/>
          <ac:spMkLst>
            <pc:docMk/>
            <pc:sldMk cId="7423119" sldId="503"/>
            <ac:spMk id="22" creationId="{93C9BA85-3C61-4877-9F37-BEE277DD0130}"/>
          </ac:spMkLst>
        </pc:spChg>
        <pc:spChg chg="mod">
          <ac:chgData name="Merve Turhan" userId="3594cd17-5953-4511-8d53-8cfc799250e7" providerId="ADAL" clId="{01E56475-575D-4CD2-B720-B8D0ED314503}" dt="2022-02-23T18:30:59.859" v="11583"/>
          <ac:spMkLst>
            <pc:docMk/>
            <pc:sldMk cId="7423119" sldId="503"/>
            <ac:spMk id="23" creationId="{1EE719FC-F53E-4633-814E-9C9D2FEC5543}"/>
          </ac:spMkLst>
        </pc:spChg>
        <pc:spChg chg="mod">
          <ac:chgData name="Merve Turhan" userId="3594cd17-5953-4511-8d53-8cfc799250e7" providerId="ADAL" clId="{01E56475-575D-4CD2-B720-B8D0ED314503}" dt="2022-02-23T18:30:59.860" v="11585"/>
          <ac:spMkLst>
            <pc:docMk/>
            <pc:sldMk cId="7423119" sldId="503"/>
            <ac:spMk id="24" creationId="{27FD9022-3BDA-4679-89ED-6CE2833935CF}"/>
          </ac:spMkLst>
        </pc:spChg>
        <pc:spChg chg="mod">
          <ac:chgData name="Merve Turhan" userId="3594cd17-5953-4511-8d53-8cfc799250e7" providerId="ADAL" clId="{01E56475-575D-4CD2-B720-B8D0ED314503}" dt="2022-02-23T18:30:59.859" v="11584"/>
          <ac:spMkLst>
            <pc:docMk/>
            <pc:sldMk cId="7423119" sldId="503"/>
            <ac:spMk id="26" creationId="{138D257A-DD0A-4873-84C8-F62A958A5013}"/>
          </ac:spMkLst>
        </pc:spChg>
        <pc:spChg chg="mod">
          <ac:chgData name="Merve Turhan" userId="3594cd17-5953-4511-8d53-8cfc799250e7" providerId="ADAL" clId="{01E56475-575D-4CD2-B720-B8D0ED314503}" dt="2022-02-23T18:30:59.860" v="11586"/>
          <ac:spMkLst>
            <pc:docMk/>
            <pc:sldMk cId="7423119" sldId="503"/>
            <ac:spMk id="29" creationId="{E0786F51-C5CB-4C5D-8AD3-9CD5D5927783}"/>
          </ac:spMkLst>
        </pc:spChg>
        <pc:spChg chg="mod">
          <ac:chgData name="Merve Turhan" userId="3594cd17-5953-4511-8d53-8cfc799250e7" providerId="ADAL" clId="{01E56475-575D-4CD2-B720-B8D0ED314503}" dt="2022-02-23T18:30:59.860" v="11587"/>
          <ac:spMkLst>
            <pc:docMk/>
            <pc:sldMk cId="7423119" sldId="503"/>
            <ac:spMk id="30" creationId="{3FC9DE31-3087-4F90-9F18-C17EDFD5231B}"/>
          </ac:spMkLst>
        </pc:spChg>
        <pc:spChg chg="add mod">
          <ac:chgData name="Merve Turhan" userId="3594cd17-5953-4511-8d53-8cfc799250e7" providerId="ADAL" clId="{01E56475-575D-4CD2-B720-B8D0ED314503}" dt="2022-02-23T18:30:59.860" v="11588"/>
          <ac:spMkLst>
            <pc:docMk/>
            <pc:sldMk cId="7423119" sldId="503"/>
            <ac:spMk id="31" creationId="{A7ECECD8-13A6-462E-AE5B-CE2F498B0EB3}"/>
          </ac:spMkLst>
        </pc:spChg>
        <pc:spChg chg="add del mod">
          <ac:chgData name="Merve Turhan" userId="3594cd17-5953-4511-8d53-8cfc799250e7" providerId="ADAL" clId="{01E56475-575D-4CD2-B720-B8D0ED314503}" dt="2022-02-22T11:38:53.996" v="8805" actId="478"/>
          <ac:spMkLst>
            <pc:docMk/>
            <pc:sldMk cId="7423119" sldId="503"/>
            <ac:spMk id="33" creationId="{3687D588-A83B-4837-8FD4-E20F362D4C0A}"/>
          </ac:spMkLst>
        </pc:spChg>
        <pc:picChg chg="del">
          <ac:chgData name="Merve Turhan" userId="3594cd17-5953-4511-8d53-8cfc799250e7" providerId="ADAL" clId="{01E56475-575D-4CD2-B720-B8D0ED314503}" dt="2022-02-21T22:15:49.929" v="5196" actId="478"/>
          <ac:picMkLst>
            <pc:docMk/>
            <pc:sldMk cId="7423119" sldId="503"/>
            <ac:picMk id="17" creationId="{E6387353-899D-4CF1-8976-D3E3DE05DEC7}"/>
          </ac:picMkLst>
        </pc:picChg>
        <pc:picChg chg="del">
          <ac:chgData name="Merve Turhan" userId="3594cd17-5953-4511-8d53-8cfc799250e7" providerId="ADAL" clId="{01E56475-575D-4CD2-B720-B8D0ED314503}" dt="2022-02-21T22:15:48.151" v="5194" actId="478"/>
          <ac:picMkLst>
            <pc:docMk/>
            <pc:sldMk cId="7423119" sldId="503"/>
            <ac:picMk id="20" creationId="{00513AEB-2E0F-488C-AFE3-2BF89B4A5346}"/>
          </ac:picMkLst>
        </pc:picChg>
        <pc:picChg chg="del">
          <ac:chgData name="Merve Turhan" userId="3594cd17-5953-4511-8d53-8cfc799250e7" providerId="ADAL" clId="{01E56475-575D-4CD2-B720-B8D0ED314503}" dt="2022-02-21T22:15:58.254" v="5200" actId="478"/>
          <ac:picMkLst>
            <pc:docMk/>
            <pc:sldMk cId="7423119" sldId="503"/>
            <ac:picMk id="28" creationId="{FD890259-1EAF-466E-A58D-11D6E7541E60}"/>
          </ac:picMkLst>
        </pc:picChg>
        <pc:cxnChg chg="add del mod">
          <ac:chgData name="Merve Turhan" userId="3594cd17-5953-4511-8d53-8cfc799250e7" providerId="ADAL" clId="{01E56475-575D-4CD2-B720-B8D0ED314503}" dt="2022-02-21T22:21:06.327" v="5361" actId="478"/>
          <ac:cxnSpMkLst>
            <pc:docMk/>
            <pc:sldMk cId="7423119" sldId="503"/>
            <ac:cxnSpMk id="12" creationId="{B4129B6A-7DE0-480B-A735-FF17FAF7343D}"/>
          </ac:cxnSpMkLst>
        </pc:cxnChg>
        <pc:cxnChg chg="del mod">
          <ac:chgData name="Merve Turhan" userId="3594cd17-5953-4511-8d53-8cfc799250e7" providerId="ADAL" clId="{01E56475-575D-4CD2-B720-B8D0ED314503}" dt="2022-02-21T22:19:24.790" v="5213" actId="478"/>
          <ac:cxnSpMkLst>
            <pc:docMk/>
            <pc:sldMk cId="7423119" sldId="503"/>
            <ac:cxnSpMk id="13" creationId="{C5CEE47E-C90A-46BD-9435-DECA5AD98073}"/>
          </ac:cxnSpMkLst>
        </pc:cxnChg>
        <pc:cxnChg chg="del">
          <ac:chgData name="Merve Turhan" userId="3594cd17-5953-4511-8d53-8cfc799250e7" providerId="ADAL" clId="{01E56475-575D-4CD2-B720-B8D0ED314503}" dt="2022-02-23T22:45:07.819" v="12948" actId="478"/>
          <ac:cxnSpMkLst>
            <pc:docMk/>
            <pc:sldMk cId="7423119" sldId="503"/>
            <ac:cxnSpMk id="15" creationId="{9F7A7DD0-B047-43E3-A77E-0E141094BC3C}"/>
          </ac:cxnSpMkLst>
        </pc:cxnChg>
        <pc:cxnChg chg="del mod">
          <ac:chgData name="Merve Turhan" userId="3594cd17-5953-4511-8d53-8cfc799250e7" providerId="ADAL" clId="{01E56475-575D-4CD2-B720-B8D0ED314503}" dt="2022-02-21T22:15:51.485" v="5197" actId="478"/>
          <ac:cxnSpMkLst>
            <pc:docMk/>
            <pc:sldMk cId="7423119" sldId="503"/>
            <ac:cxnSpMk id="18" creationId="{CD4EC53E-E898-4657-B5E3-97BBA9C6ED5D}"/>
          </ac:cxnSpMkLst>
        </pc:cxnChg>
        <pc:cxnChg chg="del">
          <ac:chgData name="Merve Turhan" userId="3594cd17-5953-4511-8d53-8cfc799250e7" providerId="ADAL" clId="{01E56475-575D-4CD2-B720-B8D0ED314503}" dt="2022-02-21T22:15:49.165" v="5195" actId="478"/>
          <ac:cxnSpMkLst>
            <pc:docMk/>
            <pc:sldMk cId="7423119" sldId="503"/>
            <ac:cxnSpMk id="21" creationId="{84D8674C-7255-427E-8F71-A87E0C88B906}"/>
          </ac:cxnSpMkLst>
        </pc:cxnChg>
        <pc:cxnChg chg="del">
          <ac:chgData name="Merve Turhan" userId="3594cd17-5953-4511-8d53-8cfc799250e7" providerId="ADAL" clId="{01E56475-575D-4CD2-B720-B8D0ED314503}" dt="2022-02-21T22:15:57.127" v="5199" actId="478"/>
          <ac:cxnSpMkLst>
            <pc:docMk/>
            <pc:sldMk cId="7423119" sldId="503"/>
            <ac:cxnSpMk id="27" creationId="{CB072DFA-6288-448A-85D4-B392043B6DC2}"/>
          </ac:cxnSpMkLst>
        </pc:cxnChg>
        <pc:cxnChg chg="add">
          <ac:chgData name="Merve Turhan" userId="3594cd17-5953-4511-8d53-8cfc799250e7" providerId="ADAL" clId="{01E56475-575D-4CD2-B720-B8D0ED314503}" dt="2022-02-21T22:21:15.377" v="5362" actId="11529"/>
          <ac:cxnSpMkLst>
            <pc:docMk/>
            <pc:sldMk cId="7423119" sldId="503"/>
            <ac:cxnSpMk id="32" creationId="{800DE4D1-54FA-45E0-B5F8-EE528517772D}"/>
          </ac:cxnSpMkLst>
        </pc:cxnChg>
      </pc:sldChg>
      <pc:sldChg chg="modSp add del mod">
        <pc:chgData name="Merve Turhan" userId="3594cd17-5953-4511-8d53-8cfc799250e7" providerId="ADAL" clId="{01E56475-575D-4CD2-B720-B8D0ED314503}" dt="2022-02-21T13:05:54.401" v="1238" actId="47"/>
        <pc:sldMkLst>
          <pc:docMk/>
          <pc:sldMk cId="1679760579" sldId="510"/>
        </pc:sldMkLst>
        <pc:spChg chg="mod">
          <ac:chgData name="Merve Turhan" userId="3594cd17-5953-4511-8d53-8cfc799250e7" providerId="ADAL" clId="{01E56475-575D-4CD2-B720-B8D0ED314503}" dt="2022-02-21T08:08:38.970" v="508" actId="790"/>
          <ac:spMkLst>
            <pc:docMk/>
            <pc:sldMk cId="1679760579" sldId="510"/>
            <ac:spMk id="2" creationId="{67310769-293A-4EED-A629-38DD2A3C78E2}"/>
          </ac:spMkLst>
        </pc:spChg>
        <pc:spChg chg="mod">
          <ac:chgData name="Merve Turhan" userId="3594cd17-5953-4511-8d53-8cfc799250e7" providerId="ADAL" clId="{01E56475-575D-4CD2-B720-B8D0ED314503}" dt="2022-02-21T09:02:36.587" v="1218" actId="5793"/>
          <ac:spMkLst>
            <pc:docMk/>
            <pc:sldMk cId="1679760579" sldId="510"/>
            <ac:spMk id="3" creationId="{DA2EF952-5634-47AA-B46E-D4BEB35EA5D2}"/>
          </ac:spMkLst>
        </pc:spChg>
        <pc:spChg chg="mod">
          <ac:chgData name="Merve Turhan" userId="3594cd17-5953-4511-8d53-8cfc799250e7" providerId="ADAL" clId="{01E56475-575D-4CD2-B720-B8D0ED314503}" dt="2022-02-21T09:02:44.444" v="1219" actId="1076"/>
          <ac:spMkLst>
            <pc:docMk/>
            <pc:sldMk cId="1679760579" sldId="510"/>
            <ac:spMk id="4" creationId="{1EC761BE-B31F-4015-AD12-D4E55CB0963E}"/>
          </ac:spMkLst>
        </pc:spChg>
        <pc:spChg chg="mod">
          <ac:chgData name="Merve Turhan" userId="3594cd17-5953-4511-8d53-8cfc799250e7" providerId="ADAL" clId="{01E56475-575D-4CD2-B720-B8D0ED314503}" dt="2022-02-21T08:08:38.973" v="511" actId="790"/>
          <ac:spMkLst>
            <pc:docMk/>
            <pc:sldMk cId="1679760579" sldId="510"/>
            <ac:spMk id="5" creationId="{570487F5-E6AA-492B-A539-53A7232AAD32}"/>
          </ac:spMkLst>
        </pc:spChg>
        <pc:spChg chg="mod">
          <ac:chgData name="Merve Turhan" userId="3594cd17-5953-4511-8d53-8cfc799250e7" providerId="ADAL" clId="{01E56475-575D-4CD2-B720-B8D0ED314503}" dt="2022-02-21T09:02:49.790" v="1220" actId="1076"/>
          <ac:spMkLst>
            <pc:docMk/>
            <pc:sldMk cId="1679760579" sldId="510"/>
            <ac:spMk id="8" creationId="{363C1F5B-E354-48E5-A591-F1289FB83861}"/>
          </ac:spMkLst>
        </pc:spChg>
      </pc:sldChg>
      <pc:sldChg chg="addSp delSp modSp add mod ord modNotesTx">
        <pc:chgData name="Merve Turhan" userId="3594cd17-5953-4511-8d53-8cfc799250e7" providerId="ADAL" clId="{01E56475-575D-4CD2-B720-B8D0ED314503}" dt="2022-02-24T11:28:46.987" v="14254" actId="20577"/>
        <pc:sldMkLst>
          <pc:docMk/>
          <pc:sldMk cId="3262218141" sldId="512"/>
        </pc:sldMkLst>
        <pc:spChg chg="mod">
          <ac:chgData name="Merve Turhan" userId="3594cd17-5953-4511-8d53-8cfc799250e7" providerId="ADAL" clId="{01E56475-575D-4CD2-B720-B8D0ED314503}" dt="2022-02-23T18:30:59.757" v="11462" actId="790"/>
          <ac:spMkLst>
            <pc:docMk/>
            <pc:sldMk cId="3262218141" sldId="512"/>
            <ac:spMk id="2" creationId="{642BE25F-90A2-4B63-B1FD-2969EF539A0C}"/>
          </ac:spMkLst>
        </pc:spChg>
        <pc:spChg chg="mod">
          <ac:chgData name="Merve Turhan" userId="3594cd17-5953-4511-8d53-8cfc799250e7" providerId="ADAL" clId="{01E56475-575D-4CD2-B720-B8D0ED314503}" dt="2022-02-24T11:28:46.987" v="14254" actId="20577"/>
          <ac:spMkLst>
            <pc:docMk/>
            <pc:sldMk cId="3262218141" sldId="512"/>
            <ac:spMk id="3" creationId="{33AE2E6A-76C6-4AA5-993A-A67B2C479625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4" creationId="{75AD9BE6-3418-4144-88B4-D57AF0BD3CDE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5" creationId="{E4668E01-8A0E-4D6E-A74F-19341AA1D5AD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6" creationId="{F1205CBC-92A9-4C4F-A208-ACA7BF7C2D4A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7" creationId="{19073E19-BBD6-4171-8E3B-BED11D0C7A32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8" creationId="{EEB50F4E-CCFB-45E6-AEF4-B24CED1E3B80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9" creationId="{60F4F556-8D4B-4E60-836B-24819BE1267D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10" creationId="{03757064-87CB-45F0-89E1-9BF593C66F5F}"/>
          </ac:spMkLst>
        </pc:spChg>
        <pc:spChg chg="del mod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11" creationId="{55640A82-6706-432C-B0B8-0BB5C20E6433}"/>
          </ac:spMkLst>
        </pc:spChg>
        <pc:spChg chg="del mod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12" creationId="{0EC2E9FB-F04B-4BDC-9A88-073EE99914CA}"/>
          </ac:spMkLst>
        </pc:spChg>
        <pc:spChg chg="add mod">
          <ac:chgData name="Merve Turhan" userId="3594cd17-5953-4511-8d53-8cfc799250e7" providerId="ADAL" clId="{01E56475-575D-4CD2-B720-B8D0ED314503}" dt="2022-02-23T18:30:59.777" v="11488" actId="790"/>
          <ac:spMkLst>
            <pc:docMk/>
            <pc:sldMk cId="3262218141" sldId="512"/>
            <ac:spMk id="13" creationId="{42BDDD5A-482B-4635-9606-F527F550A9CA}"/>
          </ac:spMkLst>
        </pc:spChg>
        <pc:spChg chg="add mod">
          <ac:chgData name="Merve Turhan" userId="3594cd17-5953-4511-8d53-8cfc799250e7" providerId="ADAL" clId="{01E56475-575D-4CD2-B720-B8D0ED314503}" dt="2022-02-23T18:30:59.777" v="11489" actId="790"/>
          <ac:spMkLst>
            <pc:docMk/>
            <pc:sldMk cId="3262218141" sldId="512"/>
            <ac:spMk id="14" creationId="{02658554-F369-463D-8613-4A949CCAB7E6}"/>
          </ac:spMkLst>
        </pc:spChg>
        <pc:spChg chg="mod">
          <ac:chgData name="Merve Turhan" userId="3594cd17-5953-4511-8d53-8cfc799250e7" providerId="ADAL" clId="{01E56475-575D-4CD2-B720-B8D0ED314503}" dt="2022-02-23T18:30:59.760" v="11464" actId="790"/>
          <ac:spMkLst>
            <pc:docMk/>
            <pc:sldMk cId="3262218141" sldId="512"/>
            <ac:spMk id="16" creationId="{7EEFB7C8-134B-453D-A0A3-7E903753CE1F}"/>
          </ac:spMkLst>
        </pc:spChg>
        <pc:spChg chg="mod">
          <ac:chgData name="Merve Turhan" userId="3594cd17-5953-4511-8d53-8cfc799250e7" providerId="ADAL" clId="{01E56475-575D-4CD2-B720-B8D0ED314503}" dt="2022-02-23T18:30:59.761" v="11465" actId="790"/>
          <ac:spMkLst>
            <pc:docMk/>
            <pc:sldMk cId="3262218141" sldId="512"/>
            <ac:spMk id="17" creationId="{E79CA24E-2BD1-4C31-B87C-923F0EA3EA3D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18" creationId="{69C0A73B-F554-4EF0-A7A3-38F046892221}"/>
          </ac:spMkLst>
        </pc:spChg>
        <pc:spChg chg="add 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19" creationId="{E6BA1DA9-B446-4787-8A02-9217647E2AAF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20" creationId="{E34EA5DB-7770-4A66-83B0-8D424B9E76B7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1" creationId="{BD9506F6-5113-468F-AE47-14394F930FAB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2" creationId="{CF6832E3-A05A-4F66-8ABF-9273C9FA4DC7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3" creationId="{3CFBF239-FD99-47E3-A9AD-439DBB5FDF57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4" creationId="{73553F0E-69CE-4EC7-A4D4-CE80050BB912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5" creationId="{33E41302-5B37-4827-9E50-1B731655DE0C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6" creationId="{79CB4D77-6148-460C-95C7-1C44343690F6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7" creationId="{AA41B53F-60A5-4E61-9D47-4A0B4F13EDD1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8" creationId="{229EA927-7D86-4958-9236-480CC6BA51C3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9" creationId="{0EC19099-B324-4AAB-BDD6-D7C90169C82F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0" creationId="{CAD26C09-591A-4132-9856-8833673FBF01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1" creationId="{A98E4608-77B7-4175-BC8B-DE2E568FBD20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2" creationId="{11572AA6-E185-4B10-8693-D66C713A61B8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3" creationId="{88D3C6D2-AF6E-4235-A79D-0C6FDB14822C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4" creationId="{8C7BFE33-1049-4DF2-8023-9F1D0D7E4886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5" creationId="{3EC72D9A-34E4-4C2F-B70D-B0511065A646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6" creationId="{9E4411AA-3518-43FC-9F3A-1E26B0E96953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7" creationId="{A5AE3405-8517-4108-A344-1C4AC73AF985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8" creationId="{893CF0B9-6FF9-4B8D-89F3-F3692F0526B9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9" creationId="{3F61CB43-B728-40A7-8DBF-5D1131DFF66A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40" creationId="{5B5724DB-3582-42F8-8758-7295DF11D9BE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41" creationId="{6A626FF5-ABED-4487-9F02-C4A80B5D1577}"/>
          </ac:spMkLst>
        </pc:spChg>
        <pc:spChg chg="add mod">
          <ac:chgData name="Merve Turhan" userId="3594cd17-5953-4511-8d53-8cfc799250e7" providerId="ADAL" clId="{01E56475-575D-4CD2-B720-B8D0ED314503}" dt="2022-02-23T18:30:59.762" v="11466" actId="790"/>
          <ac:spMkLst>
            <pc:docMk/>
            <pc:sldMk cId="3262218141" sldId="512"/>
            <ac:spMk id="42" creationId="{F8F76C90-3104-4031-A7FD-433A6E680AE1}"/>
          </ac:spMkLst>
        </pc:spChg>
        <pc:spChg chg="add mod">
          <ac:chgData name="Merve Turhan" userId="3594cd17-5953-4511-8d53-8cfc799250e7" providerId="ADAL" clId="{01E56475-575D-4CD2-B720-B8D0ED314503}" dt="2022-02-23T18:30:59.762" v="11467" actId="790"/>
          <ac:spMkLst>
            <pc:docMk/>
            <pc:sldMk cId="3262218141" sldId="512"/>
            <ac:spMk id="43" creationId="{43A4895C-CD3C-4446-9FF0-BDA19CBE298B}"/>
          </ac:spMkLst>
        </pc:spChg>
        <pc:spChg chg="add mod">
          <ac:chgData name="Merve Turhan" userId="3594cd17-5953-4511-8d53-8cfc799250e7" providerId="ADAL" clId="{01E56475-575D-4CD2-B720-B8D0ED314503}" dt="2022-02-23T18:30:59.763" v="11468" actId="790"/>
          <ac:spMkLst>
            <pc:docMk/>
            <pc:sldMk cId="3262218141" sldId="512"/>
            <ac:spMk id="44" creationId="{97B5076D-BBF9-491B-8552-BAF51E6B40BD}"/>
          </ac:spMkLst>
        </pc:spChg>
        <pc:spChg chg="add mod">
          <ac:chgData name="Merve Turhan" userId="3594cd17-5953-4511-8d53-8cfc799250e7" providerId="ADAL" clId="{01E56475-575D-4CD2-B720-B8D0ED314503}" dt="2022-02-23T18:30:59.764" v="11469" actId="790"/>
          <ac:spMkLst>
            <pc:docMk/>
            <pc:sldMk cId="3262218141" sldId="512"/>
            <ac:spMk id="45" creationId="{CDC567B6-BA70-41D8-95AB-5F34BCAAD034}"/>
          </ac:spMkLst>
        </pc:spChg>
        <pc:spChg chg="add mod">
          <ac:chgData name="Merve Turhan" userId="3594cd17-5953-4511-8d53-8cfc799250e7" providerId="ADAL" clId="{01E56475-575D-4CD2-B720-B8D0ED314503}" dt="2022-02-23T18:30:59.764" v="11470" actId="790"/>
          <ac:spMkLst>
            <pc:docMk/>
            <pc:sldMk cId="3262218141" sldId="512"/>
            <ac:spMk id="46" creationId="{EE0F5776-7A07-47B3-A953-F32B8AF874F5}"/>
          </ac:spMkLst>
        </pc:spChg>
        <pc:spChg chg="add mod">
          <ac:chgData name="Merve Turhan" userId="3594cd17-5953-4511-8d53-8cfc799250e7" providerId="ADAL" clId="{01E56475-575D-4CD2-B720-B8D0ED314503}" dt="2022-02-23T18:30:59.765" v="11471" actId="790"/>
          <ac:spMkLst>
            <pc:docMk/>
            <pc:sldMk cId="3262218141" sldId="512"/>
            <ac:spMk id="47" creationId="{C8E27176-4D9C-4AC7-BE5D-A417E3A42233}"/>
          </ac:spMkLst>
        </pc:spChg>
        <pc:spChg chg="add mod">
          <ac:chgData name="Merve Turhan" userId="3594cd17-5953-4511-8d53-8cfc799250e7" providerId="ADAL" clId="{01E56475-575D-4CD2-B720-B8D0ED314503}" dt="2022-02-23T18:30:59.766" v="11472" actId="790"/>
          <ac:spMkLst>
            <pc:docMk/>
            <pc:sldMk cId="3262218141" sldId="512"/>
            <ac:spMk id="48" creationId="{F5909B19-0492-4D4C-91CB-1F9CB284F9B6}"/>
          </ac:spMkLst>
        </pc:spChg>
        <pc:spChg chg="add mod">
          <ac:chgData name="Merve Turhan" userId="3594cd17-5953-4511-8d53-8cfc799250e7" providerId="ADAL" clId="{01E56475-575D-4CD2-B720-B8D0ED314503}" dt="2022-02-23T18:30:59.766" v="11473" actId="790"/>
          <ac:spMkLst>
            <pc:docMk/>
            <pc:sldMk cId="3262218141" sldId="512"/>
            <ac:spMk id="49" creationId="{E5BB8369-535D-49D6-9814-3DD96BCDACC1}"/>
          </ac:spMkLst>
        </pc:spChg>
        <pc:spChg chg="add mod">
          <ac:chgData name="Merve Turhan" userId="3594cd17-5953-4511-8d53-8cfc799250e7" providerId="ADAL" clId="{01E56475-575D-4CD2-B720-B8D0ED314503}" dt="2022-02-23T18:30:59.767" v="11474" actId="790"/>
          <ac:spMkLst>
            <pc:docMk/>
            <pc:sldMk cId="3262218141" sldId="512"/>
            <ac:spMk id="50" creationId="{C48E3122-DCF1-41E1-835D-F7342FF6423D}"/>
          </ac:spMkLst>
        </pc:spChg>
        <pc:spChg chg="add mod">
          <ac:chgData name="Merve Turhan" userId="3594cd17-5953-4511-8d53-8cfc799250e7" providerId="ADAL" clId="{01E56475-575D-4CD2-B720-B8D0ED314503}" dt="2022-02-23T18:30:59.768" v="11475" actId="790"/>
          <ac:spMkLst>
            <pc:docMk/>
            <pc:sldMk cId="3262218141" sldId="512"/>
            <ac:spMk id="51" creationId="{66D270E5-29D1-4EF2-8A59-504BF0B20AE1}"/>
          </ac:spMkLst>
        </pc:spChg>
        <pc:spChg chg="add mod">
          <ac:chgData name="Merve Turhan" userId="3594cd17-5953-4511-8d53-8cfc799250e7" providerId="ADAL" clId="{01E56475-575D-4CD2-B720-B8D0ED314503}" dt="2022-02-23T18:30:59.768" v="11476" actId="790"/>
          <ac:spMkLst>
            <pc:docMk/>
            <pc:sldMk cId="3262218141" sldId="512"/>
            <ac:spMk id="52" creationId="{B0C18C8F-C856-426E-A4EF-49E43AE2D64F}"/>
          </ac:spMkLst>
        </pc:spChg>
        <pc:spChg chg="add mod">
          <ac:chgData name="Merve Turhan" userId="3594cd17-5953-4511-8d53-8cfc799250e7" providerId="ADAL" clId="{01E56475-575D-4CD2-B720-B8D0ED314503}" dt="2022-02-23T18:30:59.769" v="11477" actId="790"/>
          <ac:spMkLst>
            <pc:docMk/>
            <pc:sldMk cId="3262218141" sldId="512"/>
            <ac:spMk id="53" creationId="{872A049D-818D-4C5A-9C37-6C5040121CFB}"/>
          </ac:spMkLst>
        </pc:spChg>
        <pc:spChg chg="add mod">
          <ac:chgData name="Merve Turhan" userId="3594cd17-5953-4511-8d53-8cfc799250e7" providerId="ADAL" clId="{01E56475-575D-4CD2-B720-B8D0ED314503}" dt="2022-02-23T18:30:59.770" v="11478" actId="790"/>
          <ac:spMkLst>
            <pc:docMk/>
            <pc:sldMk cId="3262218141" sldId="512"/>
            <ac:spMk id="54" creationId="{634B31CB-8A2A-411B-8F2B-D05CC0BB6DD9}"/>
          </ac:spMkLst>
        </pc:spChg>
        <pc:spChg chg="add mod">
          <ac:chgData name="Merve Turhan" userId="3594cd17-5953-4511-8d53-8cfc799250e7" providerId="ADAL" clId="{01E56475-575D-4CD2-B720-B8D0ED314503}" dt="2022-02-23T18:30:59.771" v="11479" actId="790"/>
          <ac:spMkLst>
            <pc:docMk/>
            <pc:sldMk cId="3262218141" sldId="512"/>
            <ac:spMk id="55" creationId="{2140AD50-4370-4FAE-8B6F-342D0E2BE962}"/>
          </ac:spMkLst>
        </pc:spChg>
        <pc:spChg chg="add mod">
          <ac:chgData name="Merve Turhan" userId="3594cd17-5953-4511-8d53-8cfc799250e7" providerId="ADAL" clId="{01E56475-575D-4CD2-B720-B8D0ED314503}" dt="2022-02-23T18:30:59.771" v="11480" actId="790"/>
          <ac:spMkLst>
            <pc:docMk/>
            <pc:sldMk cId="3262218141" sldId="512"/>
            <ac:spMk id="56" creationId="{5CB04E6C-FC26-48CE-914B-00422FC45C94}"/>
          </ac:spMkLst>
        </pc:spChg>
        <pc:spChg chg="add mod">
          <ac:chgData name="Merve Turhan" userId="3594cd17-5953-4511-8d53-8cfc799250e7" providerId="ADAL" clId="{01E56475-575D-4CD2-B720-B8D0ED314503}" dt="2022-02-23T18:30:59.772" v="11481" actId="790"/>
          <ac:spMkLst>
            <pc:docMk/>
            <pc:sldMk cId="3262218141" sldId="512"/>
            <ac:spMk id="57" creationId="{4B59CA59-5E77-487C-B22C-4E5BFEAD5007}"/>
          </ac:spMkLst>
        </pc:spChg>
        <pc:spChg chg="add mod">
          <ac:chgData name="Merve Turhan" userId="3594cd17-5953-4511-8d53-8cfc799250e7" providerId="ADAL" clId="{01E56475-575D-4CD2-B720-B8D0ED314503}" dt="2022-02-23T18:30:59.773" v="11482" actId="790"/>
          <ac:spMkLst>
            <pc:docMk/>
            <pc:sldMk cId="3262218141" sldId="512"/>
            <ac:spMk id="58" creationId="{102FBFAF-9E9E-410A-A30C-399AE798A8A1}"/>
          </ac:spMkLst>
        </pc:spChg>
        <pc:spChg chg="add mod">
          <ac:chgData name="Merve Turhan" userId="3594cd17-5953-4511-8d53-8cfc799250e7" providerId="ADAL" clId="{01E56475-575D-4CD2-B720-B8D0ED314503}" dt="2022-02-23T18:30:59.773" v="11483" actId="790"/>
          <ac:spMkLst>
            <pc:docMk/>
            <pc:sldMk cId="3262218141" sldId="512"/>
            <ac:spMk id="59" creationId="{36FDE196-082B-4D0D-B07D-FEBFFC7AD4C0}"/>
          </ac:spMkLst>
        </pc:spChg>
        <pc:spChg chg="add mod">
          <ac:chgData name="Merve Turhan" userId="3594cd17-5953-4511-8d53-8cfc799250e7" providerId="ADAL" clId="{01E56475-575D-4CD2-B720-B8D0ED314503}" dt="2022-02-23T18:30:59.774" v="11484" actId="790"/>
          <ac:spMkLst>
            <pc:docMk/>
            <pc:sldMk cId="3262218141" sldId="512"/>
            <ac:spMk id="60" creationId="{2731C4E2-7333-4183-B067-0FB960C4786B}"/>
          </ac:spMkLst>
        </pc:spChg>
        <pc:spChg chg="add mod">
          <ac:chgData name="Merve Turhan" userId="3594cd17-5953-4511-8d53-8cfc799250e7" providerId="ADAL" clId="{01E56475-575D-4CD2-B720-B8D0ED314503}" dt="2022-02-23T18:30:59.775" v="11485" actId="790"/>
          <ac:spMkLst>
            <pc:docMk/>
            <pc:sldMk cId="3262218141" sldId="512"/>
            <ac:spMk id="61" creationId="{C94B24DD-EC3D-4952-A64D-A301DB2971FD}"/>
          </ac:spMkLst>
        </pc:spChg>
        <pc:spChg chg="add mod">
          <ac:chgData name="Merve Turhan" userId="3594cd17-5953-4511-8d53-8cfc799250e7" providerId="ADAL" clId="{01E56475-575D-4CD2-B720-B8D0ED314503}" dt="2022-02-23T18:30:59.775" v="11486" actId="790"/>
          <ac:spMkLst>
            <pc:docMk/>
            <pc:sldMk cId="3262218141" sldId="512"/>
            <ac:spMk id="62" creationId="{010E2EF7-8616-44DC-B3B1-F58E23DE912C}"/>
          </ac:spMkLst>
        </pc:spChg>
        <pc:spChg chg="add mod">
          <ac:chgData name="Merve Turhan" userId="3594cd17-5953-4511-8d53-8cfc799250e7" providerId="ADAL" clId="{01E56475-575D-4CD2-B720-B8D0ED314503}" dt="2022-02-23T18:30:59.776" v="11487" actId="790"/>
          <ac:spMkLst>
            <pc:docMk/>
            <pc:sldMk cId="3262218141" sldId="512"/>
            <ac:spMk id="63" creationId="{F7242CA7-8914-472A-AA09-0679F25FA039}"/>
          </ac:spMkLst>
        </pc:spChg>
      </pc:sldChg>
      <pc:sldChg chg="addSp delSp modSp add del mod ord">
        <pc:chgData name="Merve Turhan" userId="3594cd17-5953-4511-8d53-8cfc799250e7" providerId="ADAL" clId="{01E56475-575D-4CD2-B720-B8D0ED314503}" dt="2022-02-21T20:34:00.747" v="3191" actId="47"/>
        <pc:sldMkLst>
          <pc:docMk/>
          <pc:sldMk cId="3016041000" sldId="528"/>
        </pc:sldMkLst>
        <pc:spChg chg="mod">
          <ac:chgData name="Merve Turhan" userId="3594cd17-5953-4511-8d53-8cfc799250e7" providerId="ADAL" clId="{01E56475-575D-4CD2-B720-B8D0ED314503}" dt="2022-02-21T13:07:03.366" v="1350" actId="790"/>
          <ac:spMkLst>
            <pc:docMk/>
            <pc:sldMk cId="3016041000" sldId="528"/>
            <ac:spMk id="2" creationId="{5483DBF3-EB97-46A8-A0B4-8D2C1F282A4D}"/>
          </ac:spMkLst>
        </pc:spChg>
        <pc:spChg chg="mod">
          <ac:chgData name="Merve Turhan" userId="3594cd17-5953-4511-8d53-8cfc799250e7" providerId="ADAL" clId="{01E56475-575D-4CD2-B720-B8D0ED314503}" dt="2022-02-21T13:07:03.367" v="1351" actId="790"/>
          <ac:spMkLst>
            <pc:docMk/>
            <pc:sldMk cId="3016041000" sldId="528"/>
            <ac:spMk id="3" creationId="{C78F839D-CE16-4592-A70C-94B51B118806}"/>
          </ac:spMkLst>
        </pc:spChg>
        <pc:spChg chg="add del">
          <ac:chgData name="Merve Turhan" userId="3594cd17-5953-4511-8d53-8cfc799250e7" providerId="ADAL" clId="{01E56475-575D-4CD2-B720-B8D0ED314503}" dt="2022-02-21T08:14:59.449" v="1089" actId="22"/>
          <ac:spMkLst>
            <pc:docMk/>
            <pc:sldMk cId="3016041000" sldId="528"/>
            <ac:spMk id="6" creationId="{BB179832-6362-43C3-B776-A39989E121D4}"/>
          </ac:spMkLst>
        </pc:spChg>
        <pc:spChg chg="add del">
          <ac:chgData name="Merve Turhan" userId="3594cd17-5953-4511-8d53-8cfc799250e7" providerId="ADAL" clId="{01E56475-575D-4CD2-B720-B8D0ED314503}" dt="2022-02-21T08:15:02.092" v="1093" actId="22"/>
          <ac:spMkLst>
            <pc:docMk/>
            <pc:sldMk cId="3016041000" sldId="528"/>
            <ac:spMk id="8" creationId="{89B10B67-42AD-4949-A4CE-C52A093968EF}"/>
          </ac:spMkLst>
        </pc:spChg>
        <pc:spChg chg="add del">
          <ac:chgData name="Merve Turhan" userId="3594cd17-5953-4511-8d53-8cfc799250e7" providerId="ADAL" clId="{01E56475-575D-4CD2-B720-B8D0ED314503}" dt="2022-02-21T08:15:05" v="1097" actId="22"/>
          <ac:spMkLst>
            <pc:docMk/>
            <pc:sldMk cId="3016041000" sldId="528"/>
            <ac:spMk id="10" creationId="{EC48E4D9-8662-4880-8388-B04DA5774AAD}"/>
          </ac:spMkLst>
        </pc:spChg>
        <pc:spChg chg="add mod">
          <ac:chgData name="Merve Turhan" userId="3594cd17-5953-4511-8d53-8cfc799250e7" providerId="ADAL" clId="{01E56475-575D-4CD2-B720-B8D0ED314503}" dt="2022-02-21T13:07:03.368" v="1352" actId="790"/>
          <ac:spMkLst>
            <pc:docMk/>
            <pc:sldMk cId="3016041000" sldId="528"/>
            <ac:spMk id="12" creationId="{C245764C-CC23-4CC9-BB25-194A27989209}"/>
          </ac:spMkLst>
        </pc:spChg>
        <pc:picChg chg="add mod">
          <ac:chgData name="Merve Turhan" userId="3594cd17-5953-4511-8d53-8cfc799250e7" providerId="ADAL" clId="{01E56475-575D-4CD2-B720-B8D0ED314503}" dt="2022-02-21T08:15:28.191" v="1100" actId="1076"/>
          <ac:picMkLst>
            <pc:docMk/>
            <pc:sldMk cId="3016041000" sldId="528"/>
            <ac:picMk id="5" creationId="{66C9849A-6687-433C-9A2C-1F47BD29B96D}"/>
          </ac:picMkLst>
        </pc:picChg>
      </pc:sldChg>
      <pc:sldChg chg="modSp add del mod">
        <pc:chgData name="Merve Turhan" userId="3594cd17-5953-4511-8d53-8cfc799250e7" providerId="ADAL" clId="{01E56475-575D-4CD2-B720-B8D0ED314503}" dt="2022-02-21T13:51:03.299" v="1845" actId="47"/>
        <pc:sldMkLst>
          <pc:docMk/>
          <pc:sldMk cId="3164723216" sldId="529"/>
        </pc:sldMkLst>
        <pc:spChg chg="mod">
          <ac:chgData name="Merve Turhan" userId="3594cd17-5953-4511-8d53-8cfc799250e7" providerId="ADAL" clId="{01E56475-575D-4CD2-B720-B8D0ED314503}" dt="2022-02-21T13:07:03.318" v="1266" actId="790"/>
          <ac:spMkLst>
            <pc:docMk/>
            <pc:sldMk cId="3164723216" sldId="529"/>
            <ac:spMk id="2" creationId="{5483DBF3-EB97-46A8-A0B4-8D2C1F282A4D}"/>
          </ac:spMkLst>
        </pc:spChg>
        <pc:spChg chg="mod">
          <ac:chgData name="Merve Turhan" userId="3594cd17-5953-4511-8d53-8cfc799250e7" providerId="ADAL" clId="{01E56475-575D-4CD2-B720-B8D0ED314503}" dt="2022-02-21T13:07:03.321" v="1267" actId="790"/>
          <ac:spMkLst>
            <pc:docMk/>
            <pc:sldMk cId="3164723216" sldId="529"/>
            <ac:spMk id="3" creationId="{C78F839D-CE16-4592-A70C-94B51B118806}"/>
          </ac:spMkLst>
        </pc:spChg>
      </pc:sldChg>
      <pc:sldChg chg="modSp add del mod ord modAnim modShow">
        <pc:chgData name="Merve Turhan" userId="3594cd17-5953-4511-8d53-8cfc799250e7" providerId="ADAL" clId="{01E56475-575D-4CD2-B720-B8D0ED314503}" dt="2022-02-23T07:18:07.453" v="9055" actId="2696"/>
        <pc:sldMkLst>
          <pc:docMk/>
          <pc:sldMk cId="100426438" sldId="530"/>
        </pc:sldMkLst>
        <pc:spChg chg="mod">
          <ac:chgData name="Merve Turhan" userId="3594cd17-5953-4511-8d53-8cfc799250e7" providerId="ADAL" clId="{01E56475-575D-4CD2-B720-B8D0ED314503}" dt="2022-02-21T13:07:03.310" v="1259" actId="790"/>
          <ac:spMkLst>
            <pc:docMk/>
            <pc:sldMk cId="100426438" sldId="530"/>
            <ac:spMk id="2" creationId="{67310769-293A-4EED-A629-38DD2A3C78E2}"/>
          </ac:spMkLst>
        </pc:spChg>
        <pc:spChg chg="mod">
          <ac:chgData name="Merve Turhan" userId="3594cd17-5953-4511-8d53-8cfc799250e7" providerId="ADAL" clId="{01E56475-575D-4CD2-B720-B8D0ED314503}" dt="2022-02-22T08:32:00.413" v="7656" actId="5793"/>
          <ac:spMkLst>
            <pc:docMk/>
            <pc:sldMk cId="100426438" sldId="530"/>
            <ac:spMk id="3" creationId="{DA2EF952-5634-47AA-B46E-D4BEB35EA5D2}"/>
          </ac:spMkLst>
        </pc:spChg>
        <pc:spChg chg="mod">
          <ac:chgData name="Merve Turhan" userId="3594cd17-5953-4511-8d53-8cfc799250e7" providerId="ADAL" clId="{01E56475-575D-4CD2-B720-B8D0ED314503}" dt="2022-02-21T13:07:03.314" v="1261" actId="790"/>
          <ac:spMkLst>
            <pc:docMk/>
            <pc:sldMk cId="100426438" sldId="530"/>
            <ac:spMk id="5" creationId="{570487F5-E6AA-492B-A539-53A7232AAD32}"/>
          </ac:spMkLst>
        </pc:spChg>
      </pc:sldChg>
      <pc:sldChg chg="modSp add mod ord modShow">
        <pc:chgData name="Merve Turhan" userId="3594cd17-5953-4511-8d53-8cfc799250e7" providerId="ADAL" clId="{01E56475-575D-4CD2-B720-B8D0ED314503}" dt="2022-02-23T18:30:59.912" v="11684" actId="790"/>
        <pc:sldMkLst>
          <pc:docMk/>
          <pc:sldMk cId="110602816" sldId="530"/>
        </pc:sldMkLst>
        <pc:spChg chg="mod">
          <ac:chgData name="Merve Turhan" userId="3594cd17-5953-4511-8d53-8cfc799250e7" providerId="ADAL" clId="{01E56475-575D-4CD2-B720-B8D0ED314503}" dt="2022-02-23T18:30:59.910" v="11682" actId="790"/>
          <ac:spMkLst>
            <pc:docMk/>
            <pc:sldMk cId="110602816" sldId="530"/>
            <ac:spMk id="2" creationId="{67310769-293A-4EED-A629-38DD2A3C78E2}"/>
          </ac:spMkLst>
        </pc:spChg>
        <pc:spChg chg="mod">
          <ac:chgData name="Merve Turhan" userId="3594cd17-5953-4511-8d53-8cfc799250e7" providerId="ADAL" clId="{01E56475-575D-4CD2-B720-B8D0ED314503}" dt="2022-02-23T18:30:59.911" v="11683"/>
          <ac:spMkLst>
            <pc:docMk/>
            <pc:sldMk cId="110602816" sldId="530"/>
            <ac:spMk id="3" creationId="{DA2EF952-5634-47AA-B46E-D4BEB35EA5D2}"/>
          </ac:spMkLst>
        </pc:spChg>
        <pc:spChg chg="mod">
          <ac:chgData name="Merve Turhan" userId="3594cd17-5953-4511-8d53-8cfc799250e7" providerId="ADAL" clId="{01E56475-575D-4CD2-B720-B8D0ED314503}" dt="2022-02-23T18:30:59.912" v="11684" actId="790"/>
          <ac:spMkLst>
            <pc:docMk/>
            <pc:sldMk cId="110602816" sldId="530"/>
            <ac:spMk id="5" creationId="{570487F5-E6AA-492B-A539-53A7232AAD32}"/>
          </ac:spMkLst>
        </pc:spChg>
      </pc:sldChg>
      <pc:sldChg chg="addSp delSp modSp add mod delAnim modAnim modNotesTx">
        <pc:chgData name="Merve Turhan" userId="3594cd17-5953-4511-8d53-8cfc799250e7" providerId="ADAL" clId="{01E56475-575D-4CD2-B720-B8D0ED314503}" dt="2022-02-24T10:29:12.825" v="14203" actId="20577"/>
        <pc:sldMkLst>
          <pc:docMk/>
          <pc:sldMk cId="2291861504" sldId="531"/>
        </pc:sldMkLst>
        <pc:spChg chg="mod">
          <ac:chgData name="Merve Turhan" userId="3594cd17-5953-4511-8d53-8cfc799250e7" providerId="ADAL" clId="{01E56475-575D-4CD2-B720-B8D0ED314503}" dt="2022-02-24T10:29:12.825" v="14203" actId="20577"/>
          <ac:spMkLst>
            <pc:docMk/>
            <pc:sldMk cId="2291861504" sldId="531"/>
            <ac:spMk id="3" creationId="{6DE19459-6368-44AA-9A38-0856FA73597F}"/>
          </ac:spMkLst>
        </pc:spChg>
        <pc:spChg chg="mod">
          <ac:chgData name="Merve Turhan" userId="3594cd17-5953-4511-8d53-8cfc799250e7" providerId="ADAL" clId="{01E56475-575D-4CD2-B720-B8D0ED314503}" dt="2022-02-23T18:30:59.705" v="11372" actId="790"/>
          <ac:spMkLst>
            <pc:docMk/>
            <pc:sldMk cId="2291861504" sldId="531"/>
            <ac:spMk id="4" creationId="{F11595E8-3263-472D-8B81-51643410350B}"/>
          </ac:spMkLst>
        </pc:spChg>
        <pc:spChg chg="mod">
          <ac:chgData name="Merve Turhan" userId="3594cd17-5953-4511-8d53-8cfc799250e7" providerId="ADAL" clId="{01E56475-575D-4CD2-B720-B8D0ED314503}" dt="2022-02-24T10:14:48.502" v="14163" actId="20577"/>
          <ac:spMkLst>
            <pc:docMk/>
            <pc:sldMk cId="2291861504" sldId="531"/>
            <ac:spMk id="5" creationId="{05504D4C-9148-4EEE-86AD-6DC41E73BFE9}"/>
          </ac:spMkLst>
        </pc:spChg>
        <pc:spChg chg="del mod">
          <ac:chgData name="Merve Turhan" userId="3594cd17-5953-4511-8d53-8cfc799250e7" providerId="ADAL" clId="{01E56475-575D-4CD2-B720-B8D0ED314503}" dt="2022-02-24T10:14:29.107" v="14155" actId="478"/>
          <ac:spMkLst>
            <pc:docMk/>
            <pc:sldMk cId="2291861504" sldId="531"/>
            <ac:spMk id="6" creationId="{ACE65FB8-3542-43F3-8EF9-A91254589055}"/>
          </ac:spMkLst>
        </pc:spChg>
        <pc:spChg chg="add del mod">
          <ac:chgData name="Merve Turhan" userId="3594cd17-5953-4511-8d53-8cfc799250e7" providerId="ADAL" clId="{01E56475-575D-4CD2-B720-B8D0ED314503}" dt="2022-02-23T19:22:05.464" v="12228" actId="478"/>
          <ac:spMkLst>
            <pc:docMk/>
            <pc:sldMk cId="2291861504" sldId="531"/>
            <ac:spMk id="8" creationId="{E0FDB927-8985-4CEE-9AE2-95BD1942DFD2}"/>
          </ac:spMkLst>
        </pc:spChg>
        <pc:picChg chg="add del mod">
          <ac:chgData name="Merve Turhan" userId="3594cd17-5953-4511-8d53-8cfc799250e7" providerId="ADAL" clId="{01E56475-575D-4CD2-B720-B8D0ED314503}" dt="2022-02-23T09:35:05.185" v="9907" actId="478"/>
          <ac:picMkLst>
            <pc:docMk/>
            <pc:sldMk cId="2291861504" sldId="531"/>
            <ac:picMk id="7" creationId="{4C8C20BF-F0F1-42F0-BF2C-F5A64F1FCE04}"/>
          </ac:picMkLst>
        </pc:picChg>
        <pc:picChg chg="mod">
          <ac:chgData name="Merve Turhan" userId="3594cd17-5953-4511-8d53-8cfc799250e7" providerId="ADAL" clId="{01E56475-575D-4CD2-B720-B8D0ED314503}" dt="2022-02-23T09:35:14.417" v="9909" actId="14100"/>
          <ac:picMkLst>
            <pc:docMk/>
            <pc:sldMk cId="2291861504" sldId="531"/>
            <ac:picMk id="2054" creationId="{DEFF2AA7-345D-4139-9D92-DF7000DBBAFA}"/>
          </ac:picMkLst>
        </pc:picChg>
      </pc:sldChg>
      <pc:sldChg chg="new del">
        <pc:chgData name="Merve Turhan" userId="3594cd17-5953-4511-8d53-8cfc799250e7" providerId="ADAL" clId="{01E56475-575D-4CD2-B720-B8D0ED314503}" dt="2022-02-21T13:06:46.965" v="1246" actId="47"/>
        <pc:sldMkLst>
          <pc:docMk/>
          <pc:sldMk cId="137554373" sldId="532"/>
        </pc:sldMkLst>
      </pc:sldChg>
      <pc:sldChg chg="modSp add del mod modAnim">
        <pc:chgData name="Merve Turhan" userId="3594cd17-5953-4511-8d53-8cfc799250e7" providerId="ADAL" clId="{01E56475-575D-4CD2-B720-B8D0ED314503}" dt="2022-02-22T11:19:38.375" v="8648" actId="2696"/>
        <pc:sldMkLst>
          <pc:docMk/>
          <pc:sldMk cId="1793220939" sldId="533"/>
        </pc:sldMkLst>
        <pc:spChg chg="mod">
          <ac:chgData name="Merve Turhan" userId="3594cd17-5953-4511-8d53-8cfc799250e7" providerId="ADAL" clId="{01E56475-575D-4CD2-B720-B8D0ED314503}" dt="2022-02-21T14:10:14.130" v="1953" actId="20577"/>
          <ac:spMkLst>
            <pc:docMk/>
            <pc:sldMk cId="1793220939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01E56475-575D-4CD2-B720-B8D0ED314503}" dt="2022-02-21T14:35:46.551" v="1977" actId="20577"/>
          <ac:spMkLst>
            <pc:docMk/>
            <pc:sldMk cId="1793220939" sldId="533"/>
            <ac:spMk id="3" creationId="{C78F839D-CE16-4592-A70C-94B51B118806}"/>
          </ac:spMkLst>
        </pc:spChg>
      </pc:sldChg>
      <pc:sldChg chg="modSp add mod ord">
        <pc:chgData name="Merve Turhan" userId="3594cd17-5953-4511-8d53-8cfc799250e7" providerId="ADAL" clId="{01E56475-575D-4CD2-B720-B8D0ED314503}" dt="2022-02-24T11:54:44.999" v="14267" actId="2711"/>
        <pc:sldMkLst>
          <pc:docMk/>
          <pc:sldMk cId="2411121823" sldId="533"/>
        </pc:sldMkLst>
        <pc:spChg chg="mod">
          <ac:chgData name="Merve Turhan" userId="3594cd17-5953-4511-8d53-8cfc799250e7" providerId="ADAL" clId="{01E56475-575D-4CD2-B720-B8D0ED314503}" dt="2022-02-23T18:30:59.885" v="11660" actId="790"/>
          <ac:spMkLst>
            <pc:docMk/>
            <pc:sldMk cId="2411121823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01E56475-575D-4CD2-B720-B8D0ED314503}" dt="2022-02-24T11:54:44.999" v="14267" actId="2711"/>
          <ac:spMkLst>
            <pc:docMk/>
            <pc:sldMk cId="2411121823" sldId="533"/>
            <ac:spMk id="3" creationId="{C78F839D-CE16-4592-A70C-94B51B118806}"/>
          </ac:spMkLst>
        </pc:spChg>
      </pc:sldChg>
      <pc:sldChg chg="modSp add mod ord modAnim">
        <pc:chgData name="Merve Turhan" userId="3594cd17-5953-4511-8d53-8cfc799250e7" providerId="ADAL" clId="{01E56475-575D-4CD2-B720-B8D0ED314503}" dt="2022-02-23T22:51:44.459" v="13137" actId="113"/>
        <pc:sldMkLst>
          <pc:docMk/>
          <pc:sldMk cId="1480844513" sldId="534"/>
        </pc:sldMkLst>
        <pc:spChg chg="mod">
          <ac:chgData name="Merve Turhan" userId="3594cd17-5953-4511-8d53-8cfc799250e7" providerId="ADAL" clId="{01E56475-575D-4CD2-B720-B8D0ED314503}" dt="2022-02-23T22:51:44.459" v="13137" actId="113"/>
          <ac:spMkLst>
            <pc:docMk/>
            <pc:sldMk cId="1480844513" sldId="534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3T20:02:06.487" v="12468" actId="20577"/>
          <ac:spMkLst>
            <pc:docMk/>
            <pc:sldMk cId="1480844513" sldId="534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3T18:30:59.716" v="11387" actId="790"/>
          <ac:spMkLst>
            <pc:docMk/>
            <pc:sldMk cId="1480844513" sldId="534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3T18:30:59.717" v="11388" actId="790"/>
          <ac:spMkLst>
            <pc:docMk/>
            <pc:sldMk cId="1480844513" sldId="534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3T18:30:59.717" v="11389" actId="790"/>
          <ac:spMkLst>
            <pc:docMk/>
            <pc:sldMk cId="1480844513" sldId="534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3T18:30:59.718" v="11390" actId="790"/>
          <ac:spMkLst>
            <pc:docMk/>
            <pc:sldMk cId="1480844513" sldId="534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3T18:30:59.718" v="11391" actId="790"/>
          <ac:spMkLst>
            <pc:docMk/>
            <pc:sldMk cId="1480844513" sldId="534"/>
            <ac:spMk id="15" creationId="{7FF76BA8-71F4-4AF4-9933-73900FF6CD68}"/>
          </ac:spMkLst>
        </pc:spChg>
        <pc:spChg chg="mod">
          <ac:chgData name="Merve Turhan" userId="3594cd17-5953-4511-8d53-8cfc799250e7" providerId="ADAL" clId="{01E56475-575D-4CD2-B720-B8D0ED314503}" dt="2022-02-23T18:30:59.719" v="11392"/>
          <ac:spMkLst>
            <pc:docMk/>
            <pc:sldMk cId="1480844513" sldId="534"/>
            <ac:spMk id="16" creationId="{861BABB0-65A0-4611-9B94-E36C8FC16FF6}"/>
          </ac:spMkLst>
        </pc:spChg>
      </pc:sldChg>
      <pc:sldChg chg="addSp delSp modSp add mod ord addAnim delAnim modAnim modNotesTx">
        <pc:chgData name="Merve Turhan" userId="3594cd17-5953-4511-8d53-8cfc799250e7" providerId="ADAL" clId="{01E56475-575D-4CD2-B720-B8D0ED314503}" dt="2022-02-23T21:40:15.886" v="12548"/>
        <pc:sldMkLst>
          <pc:docMk/>
          <pc:sldMk cId="1973130496" sldId="535"/>
        </pc:sldMkLst>
        <pc:spChg chg="mod">
          <ac:chgData name="Merve Turhan" userId="3594cd17-5953-4511-8d53-8cfc799250e7" providerId="ADAL" clId="{01E56475-575D-4CD2-B720-B8D0ED314503}" dt="2022-02-23T18:30:59.741" v="11449"/>
          <ac:spMkLst>
            <pc:docMk/>
            <pc:sldMk cId="1973130496" sldId="535"/>
            <ac:spMk id="3" creationId="{26ED3420-0D3C-4499-8BDF-C584865B0178}"/>
          </ac:spMkLst>
        </pc:spChg>
        <pc:spChg chg="mod">
          <ac:chgData name="Merve Turhan" userId="3594cd17-5953-4511-8d53-8cfc799250e7" providerId="ADAL" clId="{01E56475-575D-4CD2-B720-B8D0ED314503}" dt="2022-02-23T18:30:59.742" v="11451" actId="790"/>
          <ac:spMkLst>
            <pc:docMk/>
            <pc:sldMk cId="1973130496" sldId="535"/>
            <ac:spMk id="4" creationId="{7F579175-98AB-481F-BF6F-327A935CD9AA}"/>
          </ac:spMkLst>
        </pc:spChg>
        <pc:spChg chg="mod">
          <ac:chgData name="Merve Turhan" userId="3594cd17-5953-4511-8d53-8cfc799250e7" providerId="ADAL" clId="{01E56475-575D-4CD2-B720-B8D0ED314503}" dt="2022-02-23T18:30:59.734" v="11431" actId="790"/>
          <ac:spMkLst>
            <pc:docMk/>
            <pc:sldMk cId="1973130496" sldId="535"/>
            <ac:spMk id="5" creationId="{E1DF2B9A-9A6A-4E06-B1B6-C2353D4A92DD}"/>
          </ac:spMkLst>
        </pc:spChg>
        <pc:spChg chg="mod">
          <ac:chgData name="Merve Turhan" userId="3594cd17-5953-4511-8d53-8cfc799250e7" providerId="ADAL" clId="{01E56475-575D-4CD2-B720-B8D0ED314503}" dt="2022-02-23T18:30:59.735" v="11432" actId="790"/>
          <ac:spMkLst>
            <pc:docMk/>
            <pc:sldMk cId="1973130496" sldId="535"/>
            <ac:spMk id="8" creationId="{9CB1143D-1544-4F62-ACCE-F94CC6DFFBFC}"/>
          </ac:spMkLst>
        </pc:spChg>
        <pc:spChg chg="mod">
          <ac:chgData name="Merve Turhan" userId="3594cd17-5953-4511-8d53-8cfc799250e7" providerId="ADAL" clId="{01E56475-575D-4CD2-B720-B8D0ED314503}" dt="2022-02-23T18:30:59.735" v="11433" actId="790"/>
          <ac:spMkLst>
            <pc:docMk/>
            <pc:sldMk cId="1973130496" sldId="535"/>
            <ac:spMk id="15" creationId="{D96DB0D1-5056-44E1-BFEF-8AACFE991A38}"/>
          </ac:spMkLst>
        </pc:spChg>
        <pc:spChg chg="mod">
          <ac:chgData name="Merve Turhan" userId="3594cd17-5953-4511-8d53-8cfc799250e7" providerId="ADAL" clId="{01E56475-575D-4CD2-B720-B8D0ED314503}" dt="2022-02-23T18:30:59.736" v="11434" actId="790"/>
          <ac:spMkLst>
            <pc:docMk/>
            <pc:sldMk cId="1973130496" sldId="535"/>
            <ac:spMk id="16" creationId="{9609B4AD-F414-4407-B254-93DF9D607B16}"/>
          </ac:spMkLst>
        </pc:spChg>
        <pc:spChg chg="mod">
          <ac:chgData name="Merve Turhan" userId="3594cd17-5953-4511-8d53-8cfc799250e7" providerId="ADAL" clId="{01E56475-575D-4CD2-B720-B8D0ED314503}" dt="2022-02-23T18:30:59.736" v="11435"/>
          <ac:spMkLst>
            <pc:docMk/>
            <pc:sldMk cId="1973130496" sldId="535"/>
            <ac:spMk id="17" creationId="{28D7D4DE-0D55-468E-865E-0344A8533385}"/>
          </ac:spMkLst>
        </pc:spChg>
        <pc:spChg chg="mod">
          <ac:chgData name="Merve Turhan" userId="3594cd17-5953-4511-8d53-8cfc799250e7" providerId="ADAL" clId="{01E56475-575D-4CD2-B720-B8D0ED314503}" dt="2022-02-23T18:30:59.736" v="11436"/>
          <ac:spMkLst>
            <pc:docMk/>
            <pc:sldMk cId="1973130496" sldId="535"/>
            <ac:spMk id="18" creationId="{5ECD8CFC-4B7D-4430-9A88-DC1DAFC89DBD}"/>
          </ac:spMkLst>
        </pc:spChg>
        <pc:spChg chg="mod">
          <ac:chgData name="Merve Turhan" userId="3594cd17-5953-4511-8d53-8cfc799250e7" providerId="ADAL" clId="{01E56475-575D-4CD2-B720-B8D0ED314503}" dt="2022-02-23T18:30:59.736" v="11437"/>
          <ac:spMkLst>
            <pc:docMk/>
            <pc:sldMk cId="1973130496" sldId="535"/>
            <ac:spMk id="19" creationId="{8E7868E5-20C5-4228-BAE1-1CCF5A5CBCEF}"/>
          </ac:spMkLst>
        </pc:spChg>
        <pc:spChg chg="mod">
          <ac:chgData name="Merve Turhan" userId="3594cd17-5953-4511-8d53-8cfc799250e7" providerId="ADAL" clId="{01E56475-575D-4CD2-B720-B8D0ED314503}" dt="2022-02-23T18:30:59.741" v="11448" actId="790"/>
          <ac:spMkLst>
            <pc:docMk/>
            <pc:sldMk cId="1973130496" sldId="535"/>
            <ac:spMk id="20" creationId="{E3325BC1-330B-40AF-80FC-00D978F6B0FA}"/>
          </ac:spMkLst>
        </pc:spChg>
        <pc:spChg chg="mod">
          <ac:chgData name="Merve Turhan" userId="3594cd17-5953-4511-8d53-8cfc799250e7" providerId="ADAL" clId="{01E56475-575D-4CD2-B720-B8D0ED314503}" dt="2022-02-23T18:30:59.737" v="11438"/>
          <ac:spMkLst>
            <pc:docMk/>
            <pc:sldMk cId="1973130496" sldId="535"/>
            <ac:spMk id="22" creationId="{68C001EA-5698-4899-9386-66D596EAAB83}"/>
          </ac:spMkLst>
        </pc:spChg>
        <pc:spChg chg="mod">
          <ac:chgData name="Merve Turhan" userId="3594cd17-5953-4511-8d53-8cfc799250e7" providerId="ADAL" clId="{01E56475-575D-4CD2-B720-B8D0ED314503}" dt="2022-02-23T18:30:59.737" v="11439"/>
          <ac:spMkLst>
            <pc:docMk/>
            <pc:sldMk cId="1973130496" sldId="535"/>
            <ac:spMk id="23" creationId="{39867444-0871-4142-B2A1-85EE331DF6D3}"/>
          </ac:spMkLst>
        </pc:spChg>
        <pc:spChg chg="mod">
          <ac:chgData name="Merve Turhan" userId="3594cd17-5953-4511-8d53-8cfc799250e7" providerId="ADAL" clId="{01E56475-575D-4CD2-B720-B8D0ED314503}" dt="2022-02-23T18:30:59.737" v="11440"/>
          <ac:spMkLst>
            <pc:docMk/>
            <pc:sldMk cId="1973130496" sldId="535"/>
            <ac:spMk id="24" creationId="{D0551007-4B39-4774-B2C4-EDBC0E9D7F2B}"/>
          </ac:spMkLst>
        </pc:spChg>
        <pc:spChg chg="mod">
          <ac:chgData name="Merve Turhan" userId="3594cd17-5953-4511-8d53-8cfc799250e7" providerId="ADAL" clId="{01E56475-575D-4CD2-B720-B8D0ED314503}" dt="2022-02-23T18:30:59.742" v="11450" actId="790"/>
          <ac:spMkLst>
            <pc:docMk/>
            <pc:sldMk cId="1973130496" sldId="535"/>
            <ac:spMk id="25" creationId="{C5468427-FE08-4125-AE40-806999663ECA}"/>
          </ac:spMkLst>
        </pc:spChg>
        <pc:spChg chg="mod">
          <ac:chgData name="Merve Turhan" userId="3594cd17-5953-4511-8d53-8cfc799250e7" providerId="ADAL" clId="{01E56475-575D-4CD2-B720-B8D0ED314503}" dt="2022-02-23T18:30:59.737" v="11441"/>
          <ac:spMkLst>
            <pc:docMk/>
            <pc:sldMk cId="1973130496" sldId="535"/>
            <ac:spMk id="26" creationId="{607C0246-2C21-4117-A458-17CA2F89ADF9}"/>
          </ac:spMkLst>
        </pc:spChg>
        <pc:spChg chg="mod">
          <ac:chgData name="Merve Turhan" userId="3594cd17-5953-4511-8d53-8cfc799250e7" providerId="ADAL" clId="{01E56475-575D-4CD2-B720-B8D0ED314503}" dt="2022-02-23T21:32:49.291" v="12546" actId="1076"/>
          <ac:spMkLst>
            <pc:docMk/>
            <pc:sldMk cId="1973130496" sldId="535"/>
            <ac:spMk id="27" creationId="{91D1B37C-7EF2-423D-B283-8280B5575797}"/>
          </ac:spMkLst>
        </pc:spChg>
        <pc:spChg chg="add del mod">
          <ac:chgData name="Merve Turhan" userId="3594cd17-5953-4511-8d53-8cfc799250e7" providerId="ADAL" clId="{01E56475-575D-4CD2-B720-B8D0ED314503}" dt="2022-02-23T21:32:58.889" v="12547" actId="1076"/>
          <ac:spMkLst>
            <pc:docMk/>
            <pc:sldMk cId="1973130496" sldId="535"/>
            <ac:spMk id="28" creationId="{5073266D-42AE-4984-AD57-4B4E70DF289C}"/>
          </ac:spMkLst>
        </pc:spChg>
        <pc:spChg chg="mod">
          <ac:chgData name="Merve Turhan" userId="3594cd17-5953-4511-8d53-8cfc799250e7" providerId="ADAL" clId="{01E56475-575D-4CD2-B720-B8D0ED314503}" dt="2022-02-23T18:30:59.738" v="11443" actId="790"/>
          <ac:spMkLst>
            <pc:docMk/>
            <pc:sldMk cId="1973130496" sldId="535"/>
            <ac:spMk id="29" creationId="{960E0039-A829-4D57-AADB-7B868520DFE3}"/>
          </ac:spMkLst>
        </pc:spChg>
        <pc:spChg chg="mod">
          <ac:chgData name="Merve Turhan" userId="3594cd17-5953-4511-8d53-8cfc799250e7" providerId="ADAL" clId="{01E56475-575D-4CD2-B720-B8D0ED314503}" dt="2022-02-23T18:30:59.739" v="11445" actId="790"/>
          <ac:spMkLst>
            <pc:docMk/>
            <pc:sldMk cId="1973130496" sldId="535"/>
            <ac:spMk id="30" creationId="{56473A25-F317-4521-8AF4-79FA43A870E2}"/>
          </ac:spMkLst>
        </pc:spChg>
        <pc:spChg chg="add del mod">
          <ac:chgData name="Merve Turhan" userId="3594cd17-5953-4511-8d53-8cfc799250e7" providerId="ADAL" clId="{01E56475-575D-4CD2-B720-B8D0ED314503}" dt="2022-02-23T21:29:28.690" v="12545" actId="478"/>
          <ac:spMkLst>
            <pc:docMk/>
            <pc:sldMk cId="1973130496" sldId="535"/>
            <ac:spMk id="31" creationId="{92330115-5003-40CC-A806-BBC8CFE91C8D}"/>
          </ac:spMkLst>
        </pc:spChg>
        <pc:spChg chg="mod">
          <ac:chgData name="Merve Turhan" userId="3594cd17-5953-4511-8d53-8cfc799250e7" providerId="ADAL" clId="{01E56475-575D-4CD2-B720-B8D0ED314503}" dt="2022-02-23T18:30:59.739" v="11446"/>
          <ac:spMkLst>
            <pc:docMk/>
            <pc:sldMk cId="1973130496" sldId="535"/>
            <ac:spMk id="36" creationId="{CD4029B8-D1C1-4BAA-A962-30610D537608}"/>
          </ac:spMkLst>
        </pc:spChg>
        <pc:spChg chg="mod">
          <ac:chgData name="Merve Turhan" userId="3594cd17-5953-4511-8d53-8cfc799250e7" providerId="ADAL" clId="{01E56475-575D-4CD2-B720-B8D0ED314503}" dt="2022-02-23T18:30:59.740" v="11447"/>
          <ac:spMkLst>
            <pc:docMk/>
            <pc:sldMk cId="1973130496" sldId="535"/>
            <ac:spMk id="37" creationId="{6089A985-DF46-43EE-A8D0-5E538A153F63}"/>
          </ac:spMkLst>
        </pc:spChg>
      </pc:sldChg>
      <pc:sldChg chg="addSp delSp modSp new add del mod ord modShow">
        <pc:chgData name="Merve Turhan" userId="3594cd17-5953-4511-8d53-8cfc799250e7" providerId="ADAL" clId="{01E56475-575D-4CD2-B720-B8D0ED314503}" dt="2022-02-23T07:25:27.161" v="9772" actId="2696"/>
        <pc:sldMkLst>
          <pc:docMk/>
          <pc:sldMk cId="3800053518" sldId="536"/>
        </pc:sldMkLst>
        <pc:spChg chg="add del">
          <ac:chgData name="Merve Turhan" userId="3594cd17-5953-4511-8d53-8cfc799250e7" providerId="ADAL" clId="{01E56475-575D-4CD2-B720-B8D0ED314503}" dt="2022-02-21T17:08:26.978" v="2019" actId="478"/>
          <ac:spMkLst>
            <pc:docMk/>
            <pc:sldMk cId="3800053518" sldId="536"/>
            <ac:spMk id="2" creationId="{296932AC-05F5-48FB-88FE-F203995D5F43}"/>
          </ac:spMkLst>
        </pc:spChg>
        <pc:spChg chg="add del">
          <ac:chgData name="Merve Turhan" userId="3594cd17-5953-4511-8d53-8cfc799250e7" providerId="ADAL" clId="{01E56475-575D-4CD2-B720-B8D0ED314503}" dt="2022-02-21T17:08:32.594" v="2020" actId="478"/>
          <ac:spMkLst>
            <pc:docMk/>
            <pc:sldMk cId="3800053518" sldId="536"/>
            <ac:spMk id="3" creationId="{459D7086-41DA-4507-A9D9-7F8FA6F0DCE1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" creationId="{5E48F3BE-D7EF-44EA-89A8-18BCEF3890BB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" creationId="{8B1D0851-7A69-4242-BBF6-A0F978510B7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6" creationId="{AF48105C-A835-4504-A0B1-8AFC89D89815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7" creationId="{34660D22-BF41-4DCF-B476-9AE1ED8463FA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8" creationId="{88E6F508-A85E-4BC2-A3AF-063AF47880E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9" creationId="{1DD9409D-7E6A-4E8D-B167-227F4275268D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0" creationId="{3425E505-3369-4B13-BF38-7E4DDA02509E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1" creationId="{10B8264F-6ACC-4E79-9C87-31B6BFC19DA4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2" creationId="{BDC7934E-1300-414B-95FF-38F9BAC4E33F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3" creationId="{FC91DA7A-A5F1-4A20-8892-0AE4003838F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4" creationId="{2E50135B-8B9D-4B98-B0B0-437993498F2B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5" creationId="{C3AA259A-6408-41BA-A4BA-C00D42B68DBA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6" creationId="{A36A5C88-0650-4DD2-AA08-3494A9A96775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7" creationId="{A29E971E-BA54-4672-8F74-1FA3F694E9E8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8" creationId="{4E442C88-9519-428B-BD3C-9F6C1DFEC2BB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9" creationId="{5CF5027F-20F7-4C00-8B6C-E43CE2CD2AD3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0" creationId="{722732AA-7A23-44D4-9E16-E9DE60303732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1" creationId="{EC64FF8D-4FA2-436D-A6CC-A423CDEB3E01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2" creationId="{F736FA8E-F100-41F0-AE65-E06B52AE6CED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3" creationId="{9514C924-20CF-45B1-BA36-52B4D3304948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4" creationId="{B7A1EF26-E52C-455D-9A8E-9FAAE0E7F3DD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4" creationId="{98F2E767-5469-4DD6-ABCA-28C9FA96513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5" creationId="{F87E2385-0838-481D-8D67-48F781A3297F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6" creationId="{9847A8B6-A3EB-4F5A-9ED6-D0EA9A32B1B5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7" creationId="{8C33C4EC-F233-4958-9E79-AE4A63EA193F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8" creationId="{AAEA959E-7B1B-4D4B-B67C-35FA760621FD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9" creationId="{70A8C228-1DA7-4CF7-932C-738133791A27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0" creationId="{0581DD16-DDD5-4BD1-B5DF-39E334A6F01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2" creationId="{8FD616D6-BF41-4049-8F24-1F251ED7FE7A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3" creationId="{C1752E7C-D007-45FA-ADCA-66A5340F535C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4" creationId="{1EA07FD9-D129-4358-9E5A-AE046EDE41A2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5" creationId="{B8C87940-E680-4489-BE9D-F3DA523144BC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9" creationId="{F2A7B812-26EA-4762-ADB7-6AB3BC1EEEBF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61" creationId="{17F773C2-FB63-4377-A751-FEB8A20A83B7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62" creationId="{3C678871-B3C9-4E47-AD16-525F88FCC64C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63" creationId="{F9ED30F4-D8DA-4FF9-941C-1B5EB28D57AB}"/>
          </ac:spMkLst>
        </pc:spChg>
        <pc:spChg chg="add mod">
          <ac:chgData name="Merve Turhan" userId="3594cd17-5953-4511-8d53-8cfc799250e7" providerId="ADAL" clId="{01E56475-575D-4CD2-B720-B8D0ED314503}" dt="2022-02-23T07:24:40.623" v="9375" actId="790"/>
          <ac:spMkLst>
            <pc:docMk/>
            <pc:sldMk cId="3800053518" sldId="536"/>
            <ac:spMk id="64" creationId="{AC9BCFD3-978E-4554-BD1C-965D5CB32FFD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66" creationId="{E925DF33-507C-4160-96F1-87E30A2678FD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67" creationId="{F87796B6-670D-4E30-AE28-47657994F4AA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68" creationId="{704BC574-0D25-45C0-810D-29BFFC44BF80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69" creationId="{54D22209-8F5E-4311-A3D6-831F9D7E6598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0" creationId="{94500CF6-76C8-4B4C-AFB5-C6FAD5AD2E60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1" creationId="{19F4F075-5722-4F85-B29E-0E7C16CE3225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2" creationId="{E09C73A6-25EB-44BD-8D9A-C272E42249AF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3" creationId="{C86D6090-2EF7-4D0E-938E-6AC7C741710E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4" creationId="{00EA8A83-AD93-463E-B18E-6B78C4EFD510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5" creationId="{7455A4D6-5F98-45B6-9C9D-99DCB98A197E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6" creationId="{91C60895-FE3F-49BC-A27F-3E7B9B7BB24F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7" creationId="{4CB67981-929A-4E71-85E8-56E5A3C372DA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8" creationId="{A2F72A61-3DCE-452F-A59D-3543B46A4FEB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9" creationId="{E0ECF63F-5BB9-453C-A971-7781EE64709E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0" creationId="{83EE329B-AA81-4A89-B3E2-5BA30EA7436F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1" creationId="{6356CB05-C846-4360-B11A-78A46546E5D1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2" creationId="{7C95C4DC-158D-4968-958B-F699E088C348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3" creationId="{FA8A69D0-7D79-4A54-8908-6EE7FEA47467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4" creationId="{98CE98A7-EAC6-4792-9135-285057AEFE3B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5" creationId="{0A7EE8E8-80AB-44A2-9DB0-EBFF7C985817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6" creationId="{ACB7DDEC-EF01-434A-AFBB-3D88DB9A9381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06" creationId="{CE9243FF-D01E-4D74-A69E-D98BD9481D79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07" creationId="{00260A4E-EE29-444F-8C87-85AC13BC3E06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08" creationId="{8997BBCB-9ED5-4092-B364-DF744E0F62DD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09" creationId="{56E53B6F-13CD-4037-B091-A47013DD93D9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0" creationId="{2D239940-386A-4BC0-9E79-4C2FA9FCB8C1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1" creationId="{1D64354E-6E67-4DA1-A22F-6A3BC64C9C82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2" creationId="{7A760C2B-F314-45E9-BFDA-1A97D4580BC8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4" creationId="{D5862CAF-F199-4FA8-94E5-4549CD7C8C4A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5" creationId="{C5D4D85D-E9DF-4473-8CAF-DD9C4A6A6C33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6" creationId="{E9FECBA9-69AF-47D7-B27B-0A35B7C70A56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7" creationId="{74FB9FE1-8B4F-4EDD-84D6-BF1930B76470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21" creationId="{B187840A-7AF6-4915-AC72-E92ECBBF2CFA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23" creationId="{E10EACA5-3175-4FF2-AA09-B2626C53B70B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24" creationId="{22822441-E14E-458E-B006-1961F254BCA4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25" creationId="{DDD2B12B-7B01-463B-8B25-2EBF8BA8F4C3}"/>
          </ac:spMkLst>
        </pc:spChg>
        <pc:spChg chg="add mod">
          <ac:chgData name="Merve Turhan" userId="3594cd17-5953-4511-8d53-8cfc799250e7" providerId="ADAL" clId="{01E56475-575D-4CD2-B720-B8D0ED314503}" dt="2022-02-23T07:24:40.597" v="9339" actId="790"/>
          <ac:spMkLst>
            <pc:docMk/>
            <pc:sldMk cId="3800053518" sldId="536"/>
            <ac:spMk id="128" creationId="{BCC5547B-9BD4-4167-8C97-615C0F8567BC}"/>
          </ac:spMkLst>
        </pc:spChg>
        <pc:spChg chg="add mod">
          <ac:chgData name="Merve Turhan" userId="3594cd17-5953-4511-8d53-8cfc799250e7" providerId="ADAL" clId="{01E56475-575D-4CD2-B720-B8D0ED314503}" dt="2022-02-23T07:24:40.598" v="9340" actId="790"/>
          <ac:spMkLst>
            <pc:docMk/>
            <pc:sldMk cId="3800053518" sldId="536"/>
            <ac:spMk id="129" creationId="{0E4CC063-099D-4D05-A7D1-801707A9E162}"/>
          </ac:spMkLst>
        </pc:spChg>
        <pc:spChg chg="add mod">
          <ac:chgData name="Merve Turhan" userId="3594cd17-5953-4511-8d53-8cfc799250e7" providerId="ADAL" clId="{01E56475-575D-4CD2-B720-B8D0ED314503}" dt="2022-02-23T07:24:40.599" v="9341" actId="790"/>
          <ac:spMkLst>
            <pc:docMk/>
            <pc:sldMk cId="3800053518" sldId="536"/>
            <ac:spMk id="130" creationId="{B866B416-4CE9-4708-A96A-4392D3797347}"/>
          </ac:spMkLst>
        </pc:spChg>
        <pc:spChg chg="add mod">
          <ac:chgData name="Merve Turhan" userId="3594cd17-5953-4511-8d53-8cfc799250e7" providerId="ADAL" clId="{01E56475-575D-4CD2-B720-B8D0ED314503}" dt="2022-02-23T07:24:40.600" v="9342" actId="790"/>
          <ac:spMkLst>
            <pc:docMk/>
            <pc:sldMk cId="3800053518" sldId="536"/>
            <ac:spMk id="131" creationId="{B6CAD08F-4E51-46E0-A608-D168A8E92DF8}"/>
          </ac:spMkLst>
        </pc:spChg>
        <pc:spChg chg="add mod">
          <ac:chgData name="Merve Turhan" userId="3594cd17-5953-4511-8d53-8cfc799250e7" providerId="ADAL" clId="{01E56475-575D-4CD2-B720-B8D0ED314503}" dt="2022-02-23T07:24:40.601" v="9343" actId="790"/>
          <ac:spMkLst>
            <pc:docMk/>
            <pc:sldMk cId="3800053518" sldId="536"/>
            <ac:spMk id="132" creationId="{E4647F27-F7C7-46A3-90AC-F2C39DB42438}"/>
          </ac:spMkLst>
        </pc:spChg>
        <pc:spChg chg="add mod">
          <ac:chgData name="Merve Turhan" userId="3594cd17-5953-4511-8d53-8cfc799250e7" providerId="ADAL" clId="{01E56475-575D-4CD2-B720-B8D0ED314503}" dt="2022-02-23T07:24:40.602" v="9344" actId="790"/>
          <ac:spMkLst>
            <pc:docMk/>
            <pc:sldMk cId="3800053518" sldId="536"/>
            <ac:spMk id="133" creationId="{A4100A7F-9713-4A3D-92D9-284A41263ACB}"/>
          </ac:spMkLst>
        </pc:spChg>
        <pc:spChg chg="add mod">
          <ac:chgData name="Merve Turhan" userId="3594cd17-5953-4511-8d53-8cfc799250e7" providerId="ADAL" clId="{01E56475-575D-4CD2-B720-B8D0ED314503}" dt="2022-02-23T07:24:40.602" v="9345" actId="790"/>
          <ac:spMkLst>
            <pc:docMk/>
            <pc:sldMk cId="3800053518" sldId="536"/>
            <ac:spMk id="134" creationId="{61EF6CB5-C802-4E0F-B3D6-8671E3A7DBC6}"/>
          </ac:spMkLst>
        </pc:spChg>
        <pc:spChg chg="add mod">
          <ac:chgData name="Merve Turhan" userId="3594cd17-5953-4511-8d53-8cfc799250e7" providerId="ADAL" clId="{01E56475-575D-4CD2-B720-B8D0ED314503}" dt="2022-02-23T07:24:40.603" v="9346" actId="790"/>
          <ac:spMkLst>
            <pc:docMk/>
            <pc:sldMk cId="3800053518" sldId="536"/>
            <ac:spMk id="135" creationId="{FCA18B1E-785A-4AFC-9B6C-5CDCAB916BA8}"/>
          </ac:spMkLst>
        </pc:spChg>
        <pc:spChg chg="add mod">
          <ac:chgData name="Merve Turhan" userId="3594cd17-5953-4511-8d53-8cfc799250e7" providerId="ADAL" clId="{01E56475-575D-4CD2-B720-B8D0ED314503}" dt="2022-02-23T07:24:40.604" v="9347" actId="790"/>
          <ac:spMkLst>
            <pc:docMk/>
            <pc:sldMk cId="3800053518" sldId="536"/>
            <ac:spMk id="136" creationId="{87BF51EC-0EEF-4235-A5BC-6916AFC03277}"/>
          </ac:spMkLst>
        </pc:spChg>
        <pc:spChg chg="add mod">
          <ac:chgData name="Merve Turhan" userId="3594cd17-5953-4511-8d53-8cfc799250e7" providerId="ADAL" clId="{01E56475-575D-4CD2-B720-B8D0ED314503}" dt="2022-02-23T07:24:40.605" v="9348" actId="790"/>
          <ac:spMkLst>
            <pc:docMk/>
            <pc:sldMk cId="3800053518" sldId="536"/>
            <ac:spMk id="137" creationId="{684C9B13-C02D-4A18-911D-F69FEA8C4951}"/>
          </ac:spMkLst>
        </pc:spChg>
        <pc:spChg chg="add mod">
          <ac:chgData name="Merve Turhan" userId="3594cd17-5953-4511-8d53-8cfc799250e7" providerId="ADAL" clId="{01E56475-575D-4CD2-B720-B8D0ED314503}" dt="2022-02-23T07:24:40.605" v="9349" actId="790"/>
          <ac:spMkLst>
            <pc:docMk/>
            <pc:sldMk cId="3800053518" sldId="536"/>
            <ac:spMk id="138" creationId="{EF2A60DD-E1D3-41AC-9ABB-CC13C711DA89}"/>
          </ac:spMkLst>
        </pc:spChg>
        <pc:spChg chg="add mod">
          <ac:chgData name="Merve Turhan" userId="3594cd17-5953-4511-8d53-8cfc799250e7" providerId="ADAL" clId="{01E56475-575D-4CD2-B720-B8D0ED314503}" dt="2022-02-23T07:24:40.606" v="9350" actId="790"/>
          <ac:spMkLst>
            <pc:docMk/>
            <pc:sldMk cId="3800053518" sldId="536"/>
            <ac:spMk id="139" creationId="{5711B043-5F6F-4DE3-860D-FF9C15AA1ECD}"/>
          </ac:spMkLst>
        </pc:spChg>
        <pc:spChg chg="add mod">
          <ac:chgData name="Merve Turhan" userId="3594cd17-5953-4511-8d53-8cfc799250e7" providerId="ADAL" clId="{01E56475-575D-4CD2-B720-B8D0ED314503}" dt="2022-02-23T07:24:40.607" v="9351" actId="790"/>
          <ac:spMkLst>
            <pc:docMk/>
            <pc:sldMk cId="3800053518" sldId="536"/>
            <ac:spMk id="140" creationId="{73C25481-6206-46E8-B729-AB29FB96DED6}"/>
          </ac:spMkLst>
        </pc:spChg>
        <pc:spChg chg="add mod">
          <ac:chgData name="Merve Turhan" userId="3594cd17-5953-4511-8d53-8cfc799250e7" providerId="ADAL" clId="{01E56475-575D-4CD2-B720-B8D0ED314503}" dt="2022-02-23T07:24:40.607" v="9352" actId="790"/>
          <ac:spMkLst>
            <pc:docMk/>
            <pc:sldMk cId="3800053518" sldId="536"/>
            <ac:spMk id="141" creationId="{10F107C2-BEED-467C-9577-1BF5FB30BC46}"/>
          </ac:spMkLst>
        </pc:spChg>
        <pc:spChg chg="add mod">
          <ac:chgData name="Merve Turhan" userId="3594cd17-5953-4511-8d53-8cfc799250e7" providerId="ADAL" clId="{01E56475-575D-4CD2-B720-B8D0ED314503}" dt="2022-02-23T07:24:40.608" v="9353" actId="790"/>
          <ac:spMkLst>
            <pc:docMk/>
            <pc:sldMk cId="3800053518" sldId="536"/>
            <ac:spMk id="142" creationId="{51FC51A1-23EB-4012-B645-7B549275503B}"/>
          </ac:spMkLst>
        </pc:spChg>
        <pc:spChg chg="add mod">
          <ac:chgData name="Merve Turhan" userId="3594cd17-5953-4511-8d53-8cfc799250e7" providerId="ADAL" clId="{01E56475-575D-4CD2-B720-B8D0ED314503}" dt="2022-02-23T07:24:40.609" v="9354" actId="790"/>
          <ac:spMkLst>
            <pc:docMk/>
            <pc:sldMk cId="3800053518" sldId="536"/>
            <ac:spMk id="143" creationId="{D42930BC-E83D-424E-A347-8E92E92DA6C0}"/>
          </ac:spMkLst>
        </pc:spChg>
        <pc:spChg chg="add mod">
          <ac:chgData name="Merve Turhan" userId="3594cd17-5953-4511-8d53-8cfc799250e7" providerId="ADAL" clId="{01E56475-575D-4CD2-B720-B8D0ED314503}" dt="2022-02-23T07:24:40.609" v="9355" actId="790"/>
          <ac:spMkLst>
            <pc:docMk/>
            <pc:sldMk cId="3800053518" sldId="536"/>
            <ac:spMk id="144" creationId="{7703699E-32E5-4DE5-A8A8-B46E83D3D21D}"/>
          </ac:spMkLst>
        </pc:spChg>
        <pc:spChg chg="add mod">
          <ac:chgData name="Merve Turhan" userId="3594cd17-5953-4511-8d53-8cfc799250e7" providerId="ADAL" clId="{01E56475-575D-4CD2-B720-B8D0ED314503}" dt="2022-02-23T07:24:40.610" v="9356" actId="790"/>
          <ac:spMkLst>
            <pc:docMk/>
            <pc:sldMk cId="3800053518" sldId="536"/>
            <ac:spMk id="145" creationId="{AF03DA2F-EB9A-4B82-886B-4DE04BB692CB}"/>
          </ac:spMkLst>
        </pc:spChg>
        <pc:spChg chg="add mod">
          <ac:chgData name="Merve Turhan" userId="3594cd17-5953-4511-8d53-8cfc799250e7" providerId="ADAL" clId="{01E56475-575D-4CD2-B720-B8D0ED314503}" dt="2022-02-23T07:24:40.610" v="9357" actId="790"/>
          <ac:spMkLst>
            <pc:docMk/>
            <pc:sldMk cId="3800053518" sldId="536"/>
            <ac:spMk id="146" creationId="{582DC3A1-2784-48EA-BBDF-9D785E478A70}"/>
          </ac:spMkLst>
        </pc:spChg>
        <pc:spChg chg="add mod">
          <ac:chgData name="Merve Turhan" userId="3594cd17-5953-4511-8d53-8cfc799250e7" providerId="ADAL" clId="{01E56475-575D-4CD2-B720-B8D0ED314503}" dt="2022-02-23T07:24:40.611" v="9358" actId="790"/>
          <ac:spMkLst>
            <pc:docMk/>
            <pc:sldMk cId="3800053518" sldId="536"/>
            <ac:spMk id="147" creationId="{7D185C5C-BFF4-44CE-80B0-56571C3E39CB}"/>
          </ac:spMkLst>
        </pc:spChg>
        <pc:spChg chg="add mod">
          <ac:chgData name="Merve Turhan" userId="3594cd17-5953-4511-8d53-8cfc799250e7" providerId="ADAL" clId="{01E56475-575D-4CD2-B720-B8D0ED314503}" dt="2022-02-23T07:24:40.612" v="9359" actId="790"/>
          <ac:spMkLst>
            <pc:docMk/>
            <pc:sldMk cId="3800053518" sldId="536"/>
            <ac:spMk id="148" creationId="{D625B786-4DB6-4AAE-A6E3-7D67BF0501A5}"/>
          </ac:spMkLst>
        </pc:spChg>
        <pc:spChg chg="add mod">
          <ac:chgData name="Merve Turhan" userId="3594cd17-5953-4511-8d53-8cfc799250e7" providerId="ADAL" clId="{01E56475-575D-4CD2-B720-B8D0ED314503}" dt="2022-02-23T07:24:40.613" v="9360" actId="790"/>
          <ac:spMkLst>
            <pc:docMk/>
            <pc:sldMk cId="3800053518" sldId="536"/>
            <ac:spMk id="168" creationId="{59F7C13A-FCFD-44AE-8DED-5D9C27D5DEB3}"/>
          </ac:spMkLst>
        </pc:spChg>
        <pc:spChg chg="add mod">
          <ac:chgData name="Merve Turhan" userId="3594cd17-5953-4511-8d53-8cfc799250e7" providerId="ADAL" clId="{01E56475-575D-4CD2-B720-B8D0ED314503}" dt="2022-02-23T07:24:40.613" v="9361" actId="790"/>
          <ac:spMkLst>
            <pc:docMk/>
            <pc:sldMk cId="3800053518" sldId="536"/>
            <ac:spMk id="169" creationId="{11B9D5AE-8E77-4B80-BDEA-EE626CD92A12}"/>
          </ac:spMkLst>
        </pc:spChg>
        <pc:spChg chg="add mod">
          <ac:chgData name="Merve Turhan" userId="3594cd17-5953-4511-8d53-8cfc799250e7" providerId="ADAL" clId="{01E56475-575D-4CD2-B720-B8D0ED314503}" dt="2022-02-23T07:24:40.614" v="9362" actId="790"/>
          <ac:spMkLst>
            <pc:docMk/>
            <pc:sldMk cId="3800053518" sldId="536"/>
            <ac:spMk id="170" creationId="{F6BEC4E8-85E6-41B2-8226-0DE339BD1840}"/>
          </ac:spMkLst>
        </pc:spChg>
        <pc:spChg chg="add mod">
          <ac:chgData name="Merve Turhan" userId="3594cd17-5953-4511-8d53-8cfc799250e7" providerId="ADAL" clId="{01E56475-575D-4CD2-B720-B8D0ED314503}" dt="2022-02-23T07:24:40.615" v="9363" actId="790"/>
          <ac:spMkLst>
            <pc:docMk/>
            <pc:sldMk cId="3800053518" sldId="536"/>
            <ac:spMk id="171" creationId="{CA930ABD-CE54-4E3C-91E5-FC67688D4221}"/>
          </ac:spMkLst>
        </pc:spChg>
        <pc:spChg chg="add mod">
          <ac:chgData name="Merve Turhan" userId="3594cd17-5953-4511-8d53-8cfc799250e7" providerId="ADAL" clId="{01E56475-575D-4CD2-B720-B8D0ED314503}" dt="2022-02-23T07:24:40.615" v="9364" actId="790"/>
          <ac:spMkLst>
            <pc:docMk/>
            <pc:sldMk cId="3800053518" sldId="536"/>
            <ac:spMk id="172" creationId="{27EB9CBC-C335-4309-92DA-4780CDFA0B43}"/>
          </ac:spMkLst>
        </pc:spChg>
        <pc:spChg chg="add mod">
          <ac:chgData name="Merve Turhan" userId="3594cd17-5953-4511-8d53-8cfc799250e7" providerId="ADAL" clId="{01E56475-575D-4CD2-B720-B8D0ED314503}" dt="2022-02-23T07:24:40.616" v="9365" actId="790"/>
          <ac:spMkLst>
            <pc:docMk/>
            <pc:sldMk cId="3800053518" sldId="536"/>
            <ac:spMk id="173" creationId="{EFC89430-A2CB-4C3C-90B3-7E9ECD1E084D}"/>
          </ac:spMkLst>
        </pc:spChg>
        <pc:spChg chg="add mod">
          <ac:chgData name="Merve Turhan" userId="3594cd17-5953-4511-8d53-8cfc799250e7" providerId="ADAL" clId="{01E56475-575D-4CD2-B720-B8D0ED314503}" dt="2022-02-23T07:24:40.617" v="9366" actId="790"/>
          <ac:spMkLst>
            <pc:docMk/>
            <pc:sldMk cId="3800053518" sldId="536"/>
            <ac:spMk id="174" creationId="{98F23E4C-72E7-4AA4-9F9B-7272EC7D1AA6}"/>
          </ac:spMkLst>
        </pc:spChg>
        <pc:spChg chg="add mod">
          <ac:chgData name="Merve Turhan" userId="3594cd17-5953-4511-8d53-8cfc799250e7" providerId="ADAL" clId="{01E56475-575D-4CD2-B720-B8D0ED314503}" dt="2022-02-23T07:24:40.618" v="9367" actId="790"/>
          <ac:spMkLst>
            <pc:docMk/>
            <pc:sldMk cId="3800053518" sldId="536"/>
            <ac:spMk id="176" creationId="{EB727718-DF78-4E66-8CE8-4DE600DE4882}"/>
          </ac:spMkLst>
        </pc:spChg>
        <pc:spChg chg="add mod">
          <ac:chgData name="Merve Turhan" userId="3594cd17-5953-4511-8d53-8cfc799250e7" providerId="ADAL" clId="{01E56475-575D-4CD2-B720-B8D0ED314503}" dt="2022-02-23T07:24:40.618" v="9368" actId="790"/>
          <ac:spMkLst>
            <pc:docMk/>
            <pc:sldMk cId="3800053518" sldId="536"/>
            <ac:spMk id="177" creationId="{C447EAF2-8E23-4F08-9AF3-21E1FD5CB4DA}"/>
          </ac:spMkLst>
        </pc:spChg>
        <pc:spChg chg="add mod">
          <ac:chgData name="Merve Turhan" userId="3594cd17-5953-4511-8d53-8cfc799250e7" providerId="ADAL" clId="{01E56475-575D-4CD2-B720-B8D0ED314503}" dt="2022-02-23T07:24:40.619" v="9369" actId="790"/>
          <ac:spMkLst>
            <pc:docMk/>
            <pc:sldMk cId="3800053518" sldId="536"/>
            <ac:spMk id="178" creationId="{A43B7E51-9F19-46E6-8B88-605D08F04E7E}"/>
          </ac:spMkLst>
        </pc:spChg>
        <pc:spChg chg="add mod">
          <ac:chgData name="Merve Turhan" userId="3594cd17-5953-4511-8d53-8cfc799250e7" providerId="ADAL" clId="{01E56475-575D-4CD2-B720-B8D0ED314503}" dt="2022-02-23T07:24:40.620" v="9370" actId="790"/>
          <ac:spMkLst>
            <pc:docMk/>
            <pc:sldMk cId="3800053518" sldId="536"/>
            <ac:spMk id="179" creationId="{71CD48E0-69B6-408B-9821-8EA2C0BE0778}"/>
          </ac:spMkLst>
        </pc:spChg>
        <pc:spChg chg="add mod">
          <ac:chgData name="Merve Turhan" userId="3594cd17-5953-4511-8d53-8cfc799250e7" providerId="ADAL" clId="{01E56475-575D-4CD2-B720-B8D0ED314503}" dt="2022-02-23T07:24:40.620" v="9371" actId="790"/>
          <ac:spMkLst>
            <pc:docMk/>
            <pc:sldMk cId="3800053518" sldId="536"/>
            <ac:spMk id="183" creationId="{16E15DB5-CEBF-4E80-B098-074CB3EB0235}"/>
          </ac:spMkLst>
        </pc:spChg>
        <pc:spChg chg="add mod">
          <ac:chgData name="Merve Turhan" userId="3594cd17-5953-4511-8d53-8cfc799250e7" providerId="ADAL" clId="{01E56475-575D-4CD2-B720-B8D0ED314503}" dt="2022-02-23T07:24:40.621" v="9372" actId="790"/>
          <ac:spMkLst>
            <pc:docMk/>
            <pc:sldMk cId="3800053518" sldId="536"/>
            <ac:spMk id="185" creationId="{7B097CDA-5237-4561-8F5D-5642BD8DBA6D}"/>
          </ac:spMkLst>
        </pc:spChg>
        <pc:spChg chg="add mod">
          <ac:chgData name="Merve Turhan" userId="3594cd17-5953-4511-8d53-8cfc799250e7" providerId="ADAL" clId="{01E56475-575D-4CD2-B720-B8D0ED314503}" dt="2022-02-23T07:24:40.622" v="9373" actId="790"/>
          <ac:spMkLst>
            <pc:docMk/>
            <pc:sldMk cId="3800053518" sldId="536"/>
            <ac:spMk id="186" creationId="{62F6F1C0-370B-443F-895A-7052AD6E7921}"/>
          </ac:spMkLst>
        </pc:spChg>
        <pc:spChg chg="add mod">
          <ac:chgData name="Merve Turhan" userId="3594cd17-5953-4511-8d53-8cfc799250e7" providerId="ADAL" clId="{01E56475-575D-4CD2-B720-B8D0ED314503}" dt="2022-02-23T07:24:40.622" v="9374" actId="790"/>
          <ac:spMkLst>
            <pc:docMk/>
            <pc:sldMk cId="3800053518" sldId="536"/>
            <ac:spMk id="187" creationId="{9899BDD4-09B0-46A4-A289-2C94D1607543}"/>
          </ac:spMkLst>
        </pc:sp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5" creationId="{063DE61E-C019-42B1-825A-66C3EC8080DE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6" creationId="{A93BD64C-172D-4CF1-9C31-0FB596263EC5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7" creationId="{C8142D89-0DD9-44A3-8098-B3C0FA551FC3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8" creationId="{CE4F39A6-FF8D-4548-AF07-B5E4DD02730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9" creationId="{FBF0572C-F2C7-44D6-AF81-645DE379CF3D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0" creationId="{5F0E2AF0-E92B-471F-8FEA-AF36613301F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1" creationId="{CBA053B8-2A78-48D4-8111-D5DB4C5DAEBA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2" creationId="{C9CBFF70-9708-40DB-846E-02DDA8A24284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3" creationId="{429DD145-D96E-4DAC-807A-01E8830C6734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4" creationId="{4CED1D4B-1FE7-4C7A-A79F-4C247CB8CA8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5" creationId="{D0B2EB10-1F7C-4D16-8D3C-0E942EBC559D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6" creationId="{92EE2064-5AB5-4932-A8F4-00D1B8DE25E8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7" creationId="{B4B32787-C6EC-4EBF-82E3-C4B1302F4991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8" creationId="{9D612208-C43C-475E-BAF2-20CEFCB8648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9" creationId="{8A0160FE-E85E-41C2-A829-055F261DB388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40" creationId="{BDE3A9A5-5E4C-44B6-BEB4-49C9EE1D6C46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41" creationId="{54BA8E5B-95F7-49DA-A4A8-CA7A22094211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42" creationId="{969C40DA-6DE1-4C71-BAF9-1A0F2094FFA7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43" creationId="{7EB56C84-1483-4F2D-9E03-159EA6E185AE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51" creationId="{44DA28A9-0BA9-493A-A205-BAF4F7F13EEE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56" creationId="{441795DF-D4C3-474A-A5D0-9C89F526B838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57" creationId="{A7EA63FB-CAFD-42C8-8DB4-727C5BBA042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58" creationId="{3866F51A-1681-4F52-B9D9-5337E47E823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60" creationId="{4A1C5E75-2AEE-48B2-80B0-4BFF4E1B6354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64" creationId="{70F24EAE-3A62-4EE2-94D4-A4C4EF12858D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65" creationId="{96A7D8FD-89A8-4667-ACF9-E58B9F8AC9D4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87" creationId="{3AF82A08-E426-4E3C-A4D6-5FB7850297DD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88" creationId="{A277B8C1-C3BD-4996-9E78-D537FF987D0C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89" creationId="{319C6152-7876-4A13-BFE3-F3E11A210F5B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0" creationId="{CC9AB10A-D647-4E96-8009-596A60EB1C49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1" creationId="{D7634B5F-DE2E-43BF-BE00-103BD64E8CA3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2" creationId="{BBD70811-4FA7-432D-A861-E033D6291BAC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3" creationId="{272BF564-57C6-4B7E-80A2-01DA19DF3582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4" creationId="{CB331F48-E907-4DE9-94AE-5D9E61911E27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5" creationId="{5DE18BC2-E04E-4351-9955-479FFF95DBF5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6" creationId="{EF3C68CC-2FB9-4F1A-9411-6F414C6D2043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7" creationId="{B2060718-C10D-4670-8A2F-ADAE0A538B2F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8" creationId="{3BFB9914-4EF6-42BC-9EEC-DF711512448A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9" creationId="{C76BF4B5-9ACC-4ADF-8967-39074923AAD4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0" creationId="{B221E1B7-7DCC-443F-BD0F-7030DADB1AAF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1" creationId="{C2621C06-2D07-46FF-B823-435851938455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2" creationId="{3F264552-D770-4945-A287-B097F50E6D91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3" creationId="{F03DAC1D-99AE-403A-A3BC-72C4D0E48D64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4" creationId="{9147E134-D55E-420B-A563-793F227D3D5C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5" creationId="{ECD239D2-005B-4DA1-904D-4E9EAEF8EE06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13" creationId="{5DCB4AF8-6F7B-4DB2-B0F4-E922AF013F44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18" creationId="{08ADE41A-B754-4A67-9427-13F5372CD108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19" creationId="{BCA48FB5-7289-49A3-B371-959696DC0960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20" creationId="{0E102BEB-3E85-4C7D-9266-9DA5B4387F82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22" creationId="{4FF4AA5C-E8BF-47A1-8F1E-817385415928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26" creationId="{287DF5C7-AE82-4247-B2B5-6CB62B9D7545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27" creationId="{9E6D8864-788F-4387-AAE8-1A69210D2953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49" creationId="{D5ED2A6E-9FCA-4F81-9D77-8010ECCBF82A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0" creationId="{34C7D136-C2FA-4467-A34A-E3DE14EC336E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1" creationId="{04E14503-8855-4C0F-9C6B-7BF91F6410D9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2" creationId="{18A2D957-9DC8-4220-86C8-3E2167575BA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3" creationId="{BA5E409A-BB7B-43E3-8F8F-6D5A31B4AE96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4" creationId="{9FD61B6E-426C-4BE2-ACB7-2D696EC82B3C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5" creationId="{E67E3E9C-75F0-4D0E-A044-FE4845C9BDA4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6" creationId="{1307C5BA-564C-4F6A-877C-56B479B843F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7" creationId="{698BF0FC-68C1-4CCC-AE5A-D045B7B0E04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8" creationId="{078CFA19-E801-4642-A8F6-448B422940CA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9" creationId="{B741F5F0-49A1-4F23-BD18-B5B2A0006198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0" creationId="{1DFB5412-E798-4FB4-B90E-2A0F7EFC0674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1" creationId="{5CB8CD4A-B738-480B-AF48-DBE50C9A3946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2" creationId="{C59E75B4-B604-4883-B798-7D270653F04D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3" creationId="{9F414A82-DF75-42F2-B6F8-D3C239F752E7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4" creationId="{026E9F34-754E-4C14-B1E7-3DCA4D9DBFBC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5" creationId="{6790DE98-256A-49EF-9B72-66364304F9AD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6" creationId="{A9B5A492-C487-43E4-BAB8-34EE1CE3EFCA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7" creationId="{82B2ECD1-7786-44A7-BADF-D2167BC5183E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75" creationId="{F3CBD3BE-FDF9-4CEE-B778-8FF674CEC9C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0" creationId="{966AFD1D-5651-47E4-B408-B80C04BCB41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1" creationId="{F41DB78D-BE4D-4504-81D0-506D51AC6E4C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2" creationId="{F567C1A6-84E3-410F-8C75-908F83E75297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4" creationId="{F72BD69F-944E-49E5-AF0A-6E05FAABE670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8" creationId="{B0C5E11B-EDC2-48AE-B083-82921052F385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9" creationId="{509E021F-633D-424C-BF8D-8FB98543D9A2}"/>
          </ac:cxnSpMkLst>
        </pc:cxnChg>
      </pc:sldChg>
      <pc:sldChg chg="modSp add mod modShow">
        <pc:chgData name="Merve Turhan" userId="3594cd17-5953-4511-8d53-8cfc799250e7" providerId="ADAL" clId="{01E56475-575D-4CD2-B720-B8D0ED314503}" dt="2022-02-23T18:30:59.937" v="11723" actId="790"/>
        <pc:sldMkLst>
          <pc:docMk/>
          <pc:sldMk cId="3883732232" sldId="536"/>
        </pc:sldMkLst>
        <pc:spChg chg="mod">
          <ac:chgData name="Merve Turhan" userId="3594cd17-5953-4511-8d53-8cfc799250e7" providerId="ADAL" clId="{01E56475-575D-4CD2-B720-B8D0ED314503}" dt="2022-02-23T18:30:59.937" v="11723" actId="790"/>
          <ac:spMkLst>
            <pc:docMk/>
            <pc:sldMk cId="3883732232" sldId="536"/>
            <ac:spMk id="64" creationId="{AC9BCFD3-978E-4554-BD1C-965D5CB32FFD}"/>
          </ac:spMkLst>
        </pc:spChg>
        <pc:spChg chg="mod">
          <ac:chgData name="Merve Turhan" userId="3594cd17-5953-4511-8d53-8cfc799250e7" providerId="ADAL" clId="{01E56475-575D-4CD2-B720-B8D0ED314503}" dt="2022-02-23T18:30:59.914" v="11687" actId="790"/>
          <ac:spMkLst>
            <pc:docMk/>
            <pc:sldMk cId="3883732232" sldId="536"/>
            <ac:spMk id="128" creationId="{BCC5547B-9BD4-4167-8C97-615C0F8567BC}"/>
          </ac:spMkLst>
        </pc:spChg>
        <pc:spChg chg="mod">
          <ac:chgData name="Merve Turhan" userId="3594cd17-5953-4511-8d53-8cfc799250e7" providerId="ADAL" clId="{01E56475-575D-4CD2-B720-B8D0ED314503}" dt="2022-02-23T18:30:59.914" v="11688" actId="790"/>
          <ac:spMkLst>
            <pc:docMk/>
            <pc:sldMk cId="3883732232" sldId="536"/>
            <ac:spMk id="129" creationId="{0E4CC063-099D-4D05-A7D1-801707A9E162}"/>
          </ac:spMkLst>
        </pc:spChg>
        <pc:spChg chg="mod">
          <ac:chgData name="Merve Turhan" userId="3594cd17-5953-4511-8d53-8cfc799250e7" providerId="ADAL" clId="{01E56475-575D-4CD2-B720-B8D0ED314503}" dt="2022-02-23T18:30:59.915" v="11689" actId="790"/>
          <ac:spMkLst>
            <pc:docMk/>
            <pc:sldMk cId="3883732232" sldId="536"/>
            <ac:spMk id="130" creationId="{B866B416-4CE9-4708-A96A-4392D3797347}"/>
          </ac:spMkLst>
        </pc:spChg>
        <pc:spChg chg="mod">
          <ac:chgData name="Merve Turhan" userId="3594cd17-5953-4511-8d53-8cfc799250e7" providerId="ADAL" clId="{01E56475-575D-4CD2-B720-B8D0ED314503}" dt="2022-02-23T18:30:59.915" v="11690" actId="790"/>
          <ac:spMkLst>
            <pc:docMk/>
            <pc:sldMk cId="3883732232" sldId="536"/>
            <ac:spMk id="131" creationId="{B6CAD08F-4E51-46E0-A608-D168A8E92DF8}"/>
          </ac:spMkLst>
        </pc:spChg>
        <pc:spChg chg="mod">
          <ac:chgData name="Merve Turhan" userId="3594cd17-5953-4511-8d53-8cfc799250e7" providerId="ADAL" clId="{01E56475-575D-4CD2-B720-B8D0ED314503}" dt="2022-02-23T18:30:59.916" v="11691" actId="790"/>
          <ac:spMkLst>
            <pc:docMk/>
            <pc:sldMk cId="3883732232" sldId="536"/>
            <ac:spMk id="132" creationId="{E4647F27-F7C7-46A3-90AC-F2C39DB42438}"/>
          </ac:spMkLst>
        </pc:spChg>
        <pc:spChg chg="mod">
          <ac:chgData name="Merve Turhan" userId="3594cd17-5953-4511-8d53-8cfc799250e7" providerId="ADAL" clId="{01E56475-575D-4CD2-B720-B8D0ED314503}" dt="2022-02-23T18:30:59.916" v="11692" actId="790"/>
          <ac:spMkLst>
            <pc:docMk/>
            <pc:sldMk cId="3883732232" sldId="536"/>
            <ac:spMk id="133" creationId="{A4100A7F-9713-4A3D-92D9-284A41263ACB}"/>
          </ac:spMkLst>
        </pc:spChg>
        <pc:spChg chg="mod">
          <ac:chgData name="Merve Turhan" userId="3594cd17-5953-4511-8d53-8cfc799250e7" providerId="ADAL" clId="{01E56475-575D-4CD2-B720-B8D0ED314503}" dt="2022-02-23T18:30:59.917" v="11693" actId="790"/>
          <ac:spMkLst>
            <pc:docMk/>
            <pc:sldMk cId="3883732232" sldId="536"/>
            <ac:spMk id="134" creationId="{61EF6CB5-C802-4E0F-B3D6-8671E3A7DBC6}"/>
          </ac:spMkLst>
        </pc:spChg>
        <pc:spChg chg="mod">
          <ac:chgData name="Merve Turhan" userId="3594cd17-5953-4511-8d53-8cfc799250e7" providerId="ADAL" clId="{01E56475-575D-4CD2-B720-B8D0ED314503}" dt="2022-02-23T18:30:59.918" v="11694" actId="790"/>
          <ac:spMkLst>
            <pc:docMk/>
            <pc:sldMk cId="3883732232" sldId="536"/>
            <ac:spMk id="135" creationId="{FCA18B1E-785A-4AFC-9B6C-5CDCAB916BA8}"/>
          </ac:spMkLst>
        </pc:spChg>
        <pc:spChg chg="mod">
          <ac:chgData name="Merve Turhan" userId="3594cd17-5953-4511-8d53-8cfc799250e7" providerId="ADAL" clId="{01E56475-575D-4CD2-B720-B8D0ED314503}" dt="2022-02-23T18:30:59.919" v="11695" actId="790"/>
          <ac:spMkLst>
            <pc:docMk/>
            <pc:sldMk cId="3883732232" sldId="536"/>
            <ac:spMk id="136" creationId="{87BF51EC-0EEF-4235-A5BC-6916AFC03277}"/>
          </ac:spMkLst>
        </pc:spChg>
        <pc:spChg chg="mod">
          <ac:chgData name="Merve Turhan" userId="3594cd17-5953-4511-8d53-8cfc799250e7" providerId="ADAL" clId="{01E56475-575D-4CD2-B720-B8D0ED314503}" dt="2022-02-23T18:30:59.919" v="11696" actId="790"/>
          <ac:spMkLst>
            <pc:docMk/>
            <pc:sldMk cId="3883732232" sldId="536"/>
            <ac:spMk id="137" creationId="{684C9B13-C02D-4A18-911D-F69FEA8C4951}"/>
          </ac:spMkLst>
        </pc:spChg>
        <pc:spChg chg="mod">
          <ac:chgData name="Merve Turhan" userId="3594cd17-5953-4511-8d53-8cfc799250e7" providerId="ADAL" clId="{01E56475-575D-4CD2-B720-B8D0ED314503}" dt="2022-02-23T18:30:59.920" v="11697" actId="790"/>
          <ac:spMkLst>
            <pc:docMk/>
            <pc:sldMk cId="3883732232" sldId="536"/>
            <ac:spMk id="138" creationId="{EF2A60DD-E1D3-41AC-9ABB-CC13C711DA89}"/>
          </ac:spMkLst>
        </pc:spChg>
        <pc:spChg chg="mod">
          <ac:chgData name="Merve Turhan" userId="3594cd17-5953-4511-8d53-8cfc799250e7" providerId="ADAL" clId="{01E56475-575D-4CD2-B720-B8D0ED314503}" dt="2022-02-23T18:30:59.921" v="11698" actId="790"/>
          <ac:spMkLst>
            <pc:docMk/>
            <pc:sldMk cId="3883732232" sldId="536"/>
            <ac:spMk id="139" creationId="{5711B043-5F6F-4DE3-860D-FF9C15AA1ECD}"/>
          </ac:spMkLst>
        </pc:spChg>
        <pc:spChg chg="mod">
          <ac:chgData name="Merve Turhan" userId="3594cd17-5953-4511-8d53-8cfc799250e7" providerId="ADAL" clId="{01E56475-575D-4CD2-B720-B8D0ED314503}" dt="2022-02-23T18:30:59.921" v="11699" actId="790"/>
          <ac:spMkLst>
            <pc:docMk/>
            <pc:sldMk cId="3883732232" sldId="536"/>
            <ac:spMk id="140" creationId="{73C25481-6206-46E8-B729-AB29FB96DED6}"/>
          </ac:spMkLst>
        </pc:spChg>
        <pc:spChg chg="mod">
          <ac:chgData name="Merve Turhan" userId="3594cd17-5953-4511-8d53-8cfc799250e7" providerId="ADAL" clId="{01E56475-575D-4CD2-B720-B8D0ED314503}" dt="2022-02-23T18:30:59.922" v="11700" actId="790"/>
          <ac:spMkLst>
            <pc:docMk/>
            <pc:sldMk cId="3883732232" sldId="536"/>
            <ac:spMk id="141" creationId="{10F107C2-BEED-467C-9577-1BF5FB30BC46}"/>
          </ac:spMkLst>
        </pc:spChg>
        <pc:spChg chg="mod">
          <ac:chgData name="Merve Turhan" userId="3594cd17-5953-4511-8d53-8cfc799250e7" providerId="ADAL" clId="{01E56475-575D-4CD2-B720-B8D0ED314503}" dt="2022-02-23T18:30:59.922" v="11701" actId="790"/>
          <ac:spMkLst>
            <pc:docMk/>
            <pc:sldMk cId="3883732232" sldId="536"/>
            <ac:spMk id="142" creationId="{51FC51A1-23EB-4012-B645-7B549275503B}"/>
          </ac:spMkLst>
        </pc:spChg>
        <pc:spChg chg="mod">
          <ac:chgData name="Merve Turhan" userId="3594cd17-5953-4511-8d53-8cfc799250e7" providerId="ADAL" clId="{01E56475-575D-4CD2-B720-B8D0ED314503}" dt="2022-02-23T18:30:59.923" v="11702" actId="790"/>
          <ac:spMkLst>
            <pc:docMk/>
            <pc:sldMk cId="3883732232" sldId="536"/>
            <ac:spMk id="143" creationId="{D42930BC-E83D-424E-A347-8E92E92DA6C0}"/>
          </ac:spMkLst>
        </pc:spChg>
        <pc:spChg chg="mod">
          <ac:chgData name="Merve Turhan" userId="3594cd17-5953-4511-8d53-8cfc799250e7" providerId="ADAL" clId="{01E56475-575D-4CD2-B720-B8D0ED314503}" dt="2022-02-23T18:30:59.924" v="11703" actId="790"/>
          <ac:spMkLst>
            <pc:docMk/>
            <pc:sldMk cId="3883732232" sldId="536"/>
            <ac:spMk id="144" creationId="{7703699E-32E5-4DE5-A8A8-B46E83D3D21D}"/>
          </ac:spMkLst>
        </pc:spChg>
        <pc:spChg chg="mod">
          <ac:chgData name="Merve Turhan" userId="3594cd17-5953-4511-8d53-8cfc799250e7" providerId="ADAL" clId="{01E56475-575D-4CD2-B720-B8D0ED314503}" dt="2022-02-23T18:30:59.924" v="11704" actId="790"/>
          <ac:spMkLst>
            <pc:docMk/>
            <pc:sldMk cId="3883732232" sldId="536"/>
            <ac:spMk id="145" creationId="{AF03DA2F-EB9A-4B82-886B-4DE04BB692CB}"/>
          </ac:spMkLst>
        </pc:spChg>
        <pc:spChg chg="mod">
          <ac:chgData name="Merve Turhan" userId="3594cd17-5953-4511-8d53-8cfc799250e7" providerId="ADAL" clId="{01E56475-575D-4CD2-B720-B8D0ED314503}" dt="2022-02-23T18:30:59.925" v="11705" actId="790"/>
          <ac:spMkLst>
            <pc:docMk/>
            <pc:sldMk cId="3883732232" sldId="536"/>
            <ac:spMk id="146" creationId="{582DC3A1-2784-48EA-BBDF-9D785E478A70}"/>
          </ac:spMkLst>
        </pc:spChg>
        <pc:spChg chg="mod">
          <ac:chgData name="Merve Turhan" userId="3594cd17-5953-4511-8d53-8cfc799250e7" providerId="ADAL" clId="{01E56475-575D-4CD2-B720-B8D0ED314503}" dt="2022-02-23T18:30:59.925" v="11706" actId="790"/>
          <ac:spMkLst>
            <pc:docMk/>
            <pc:sldMk cId="3883732232" sldId="536"/>
            <ac:spMk id="147" creationId="{7D185C5C-BFF4-44CE-80B0-56571C3E39CB}"/>
          </ac:spMkLst>
        </pc:spChg>
        <pc:spChg chg="mod">
          <ac:chgData name="Merve Turhan" userId="3594cd17-5953-4511-8d53-8cfc799250e7" providerId="ADAL" clId="{01E56475-575D-4CD2-B720-B8D0ED314503}" dt="2022-02-23T18:30:59.926" v="11707" actId="790"/>
          <ac:spMkLst>
            <pc:docMk/>
            <pc:sldMk cId="3883732232" sldId="536"/>
            <ac:spMk id="148" creationId="{D625B786-4DB6-4AAE-A6E3-7D67BF0501A5}"/>
          </ac:spMkLst>
        </pc:spChg>
        <pc:spChg chg="mod">
          <ac:chgData name="Merve Turhan" userId="3594cd17-5953-4511-8d53-8cfc799250e7" providerId="ADAL" clId="{01E56475-575D-4CD2-B720-B8D0ED314503}" dt="2022-02-23T18:30:59.927" v="11708" actId="790"/>
          <ac:spMkLst>
            <pc:docMk/>
            <pc:sldMk cId="3883732232" sldId="536"/>
            <ac:spMk id="168" creationId="{59F7C13A-FCFD-44AE-8DED-5D9C27D5DEB3}"/>
          </ac:spMkLst>
        </pc:spChg>
        <pc:spChg chg="mod">
          <ac:chgData name="Merve Turhan" userId="3594cd17-5953-4511-8d53-8cfc799250e7" providerId="ADAL" clId="{01E56475-575D-4CD2-B720-B8D0ED314503}" dt="2022-02-23T18:30:59.927" v="11709" actId="790"/>
          <ac:spMkLst>
            <pc:docMk/>
            <pc:sldMk cId="3883732232" sldId="536"/>
            <ac:spMk id="169" creationId="{11B9D5AE-8E77-4B80-BDEA-EE626CD92A12}"/>
          </ac:spMkLst>
        </pc:spChg>
        <pc:spChg chg="mod">
          <ac:chgData name="Merve Turhan" userId="3594cd17-5953-4511-8d53-8cfc799250e7" providerId="ADAL" clId="{01E56475-575D-4CD2-B720-B8D0ED314503}" dt="2022-02-23T18:30:59.928" v="11710" actId="790"/>
          <ac:spMkLst>
            <pc:docMk/>
            <pc:sldMk cId="3883732232" sldId="536"/>
            <ac:spMk id="170" creationId="{F6BEC4E8-85E6-41B2-8226-0DE339BD1840}"/>
          </ac:spMkLst>
        </pc:spChg>
        <pc:spChg chg="mod">
          <ac:chgData name="Merve Turhan" userId="3594cd17-5953-4511-8d53-8cfc799250e7" providerId="ADAL" clId="{01E56475-575D-4CD2-B720-B8D0ED314503}" dt="2022-02-23T18:30:59.929" v="11711" actId="790"/>
          <ac:spMkLst>
            <pc:docMk/>
            <pc:sldMk cId="3883732232" sldId="536"/>
            <ac:spMk id="171" creationId="{CA930ABD-CE54-4E3C-91E5-FC67688D4221}"/>
          </ac:spMkLst>
        </pc:spChg>
        <pc:spChg chg="mod">
          <ac:chgData name="Merve Turhan" userId="3594cd17-5953-4511-8d53-8cfc799250e7" providerId="ADAL" clId="{01E56475-575D-4CD2-B720-B8D0ED314503}" dt="2022-02-23T18:30:59.929" v="11712" actId="790"/>
          <ac:spMkLst>
            <pc:docMk/>
            <pc:sldMk cId="3883732232" sldId="536"/>
            <ac:spMk id="172" creationId="{27EB9CBC-C335-4309-92DA-4780CDFA0B43}"/>
          </ac:spMkLst>
        </pc:spChg>
        <pc:spChg chg="mod">
          <ac:chgData name="Merve Turhan" userId="3594cd17-5953-4511-8d53-8cfc799250e7" providerId="ADAL" clId="{01E56475-575D-4CD2-B720-B8D0ED314503}" dt="2022-02-23T18:30:59.930" v="11713" actId="790"/>
          <ac:spMkLst>
            <pc:docMk/>
            <pc:sldMk cId="3883732232" sldId="536"/>
            <ac:spMk id="173" creationId="{EFC89430-A2CB-4C3C-90B3-7E9ECD1E084D}"/>
          </ac:spMkLst>
        </pc:spChg>
        <pc:spChg chg="mod">
          <ac:chgData name="Merve Turhan" userId="3594cd17-5953-4511-8d53-8cfc799250e7" providerId="ADAL" clId="{01E56475-575D-4CD2-B720-B8D0ED314503}" dt="2022-02-23T18:30:59.931" v="11714" actId="790"/>
          <ac:spMkLst>
            <pc:docMk/>
            <pc:sldMk cId="3883732232" sldId="536"/>
            <ac:spMk id="174" creationId="{98F23E4C-72E7-4AA4-9F9B-7272EC7D1AA6}"/>
          </ac:spMkLst>
        </pc:spChg>
        <pc:spChg chg="mod">
          <ac:chgData name="Merve Turhan" userId="3594cd17-5953-4511-8d53-8cfc799250e7" providerId="ADAL" clId="{01E56475-575D-4CD2-B720-B8D0ED314503}" dt="2022-02-23T18:30:59.931" v="11715" actId="790"/>
          <ac:spMkLst>
            <pc:docMk/>
            <pc:sldMk cId="3883732232" sldId="536"/>
            <ac:spMk id="176" creationId="{EB727718-DF78-4E66-8CE8-4DE600DE4882}"/>
          </ac:spMkLst>
        </pc:spChg>
        <pc:spChg chg="mod">
          <ac:chgData name="Merve Turhan" userId="3594cd17-5953-4511-8d53-8cfc799250e7" providerId="ADAL" clId="{01E56475-575D-4CD2-B720-B8D0ED314503}" dt="2022-02-23T18:30:59.932" v="11716" actId="790"/>
          <ac:spMkLst>
            <pc:docMk/>
            <pc:sldMk cId="3883732232" sldId="536"/>
            <ac:spMk id="177" creationId="{C447EAF2-8E23-4F08-9AF3-21E1FD5CB4DA}"/>
          </ac:spMkLst>
        </pc:spChg>
        <pc:spChg chg="mod">
          <ac:chgData name="Merve Turhan" userId="3594cd17-5953-4511-8d53-8cfc799250e7" providerId="ADAL" clId="{01E56475-575D-4CD2-B720-B8D0ED314503}" dt="2022-02-23T18:30:59.932" v="11717" actId="790"/>
          <ac:spMkLst>
            <pc:docMk/>
            <pc:sldMk cId="3883732232" sldId="536"/>
            <ac:spMk id="178" creationId="{A43B7E51-9F19-46E6-8B88-605D08F04E7E}"/>
          </ac:spMkLst>
        </pc:spChg>
        <pc:spChg chg="mod">
          <ac:chgData name="Merve Turhan" userId="3594cd17-5953-4511-8d53-8cfc799250e7" providerId="ADAL" clId="{01E56475-575D-4CD2-B720-B8D0ED314503}" dt="2022-02-23T18:30:59.933" v="11718" actId="790"/>
          <ac:spMkLst>
            <pc:docMk/>
            <pc:sldMk cId="3883732232" sldId="536"/>
            <ac:spMk id="179" creationId="{71CD48E0-69B6-408B-9821-8EA2C0BE0778}"/>
          </ac:spMkLst>
        </pc:spChg>
        <pc:spChg chg="mod">
          <ac:chgData name="Merve Turhan" userId="3594cd17-5953-4511-8d53-8cfc799250e7" providerId="ADAL" clId="{01E56475-575D-4CD2-B720-B8D0ED314503}" dt="2022-02-23T18:30:59.934" v="11719" actId="790"/>
          <ac:spMkLst>
            <pc:docMk/>
            <pc:sldMk cId="3883732232" sldId="536"/>
            <ac:spMk id="183" creationId="{16E15DB5-CEBF-4E80-B098-074CB3EB0235}"/>
          </ac:spMkLst>
        </pc:spChg>
        <pc:spChg chg="mod">
          <ac:chgData name="Merve Turhan" userId="3594cd17-5953-4511-8d53-8cfc799250e7" providerId="ADAL" clId="{01E56475-575D-4CD2-B720-B8D0ED314503}" dt="2022-02-23T18:30:59.934" v="11720" actId="790"/>
          <ac:spMkLst>
            <pc:docMk/>
            <pc:sldMk cId="3883732232" sldId="536"/>
            <ac:spMk id="185" creationId="{7B097CDA-5237-4561-8F5D-5642BD8DBA6D}"/>
          </ac:spMkLst>
        </pc:spChg>
        <pc:spChg chg="mod">
          <ac:chgData name="Merve Turhan" userId="3594cd17-5953-4511-8d53-8cfc799250e7" providerId="ADAL" clId="{01E56475-575D-4CD2-B720-B8D0ED314503}" dt="2022-02-23T18:30:59.935" v="11721" actId="790"/>
          <ac:spMkLst>
            <pc:docMk/>
            <pc:sldMk cId="3883732232" sldId="536"/>
            <ac:spMk id="186" creationId="{62F6F1C0-370B-443F-895A-7052AD6E7921}"/>
          </ac:spMkLst>
        </pc:spChg>
        <pc:spChg chg="mod">
          <ac:chgData name="Merve Turhan" userId="3594cd17-5953-4511-8d53-8cfc799250e7" providerId="ADAL" clId="{01E56475-575D-4CD2-B720-B8D0ED314503}" dt="2022-02-23T18:30:59.935" v="11722" actId="790"/>
          <ac:spMkLst>
            <pc:docMk/>
            <pc:sldMk cId="3883732232" sldId="536"/>
            <ac:spMk id="187" creationId="{9899BDD4-09B0-46A4-A289-2C94D1607543}"/>
          </ac:spMkLst>
        </pc:spChg>
      </pc:sldChg>
      <pc:sldChg chg="addSp delSp modSp add del mod">
        <pc:chgData name="Merve Turhan" userId="3594cd17-5953-4511-8d53-8cfc799250e7" providerId="ADAL" clId="{01E56475-575D-4CD2-B720-B8D0ED314503}" dt="2022-02-21T20:22:33.249" v="3179" actId="47"/>
        <pc:sldMkLst>
          <pc:docMk/>
          <pc:sldMk cId="825416630" sldId="537"/>
        </pc:sldMkLst>
        <pc:spChg chg="add del mod">
          <ac:chgData name="Merve Turhan" userId="3594cd17-5953-4511-8d53-8cfc799250e7" providerId="ADAL" clId="{01E56475-575D-4CD2-B720-B8D0ED314503}" dt="2022-02-21T17:46:58.923" v="2195" actId="478"/>
          <ac:spMkLst>
            <pc:docMk/>
            <pc:sldMk cId="825416630" sldId="537"/>
            <ac:spMk id="2" creationId="{A1905D7A-4CB9-45A3-B487-EE73DC1C6B0F}"/>
          </ac:spMkLst>
        </pc:spChg>
        <pc:spChg chg="add del mod">
          <ac:chgData name="Merve Turhan" userId="3594cd17-5953-4511-8d53-8cfc799250e7" providerId="ADAL" clId="{01E56475-575D-4CD2-B720-B8D0ED314503}" dt="2022-02-21T17:51:07.784" v="2297" actId="478"/>
          <ac:spMkLst>
            <pc:docMk/>
            <pc:sldMk cId="825416630" sldId="537"/>
            <ac:spMk id="30" creationId="{0EEAB68E-4452-4719-B838-3F0E17C29152}"/>
          </ac:spMkLst>
        </pc:spChg>
        <pc:spChg chg="add mod">
          <ac:chgData name="Merve Turhan" userId="3594cd17-5953-4511-8d53-8cfc799250e7" providerId="ADAL" clId="{01E56475-575D-4CD2-B720-B8D0ED314503}" dt="2022-02-21T18:06:22.066" v="2374" actId="20577"/>
          <ac:spMkLst>
            <pc:docMk/>
            <pc:sldMk cId="825416630" sldId="537"/>
            <ac:spMk id="65" creationId="{B6FD1F55-6527-47A9-99E3-F433032EBAF5}"/>
          </ac:spMkLst>
        </pc:spChg>
        <pc:spChg chg="add del mod">
          <ac:chgData name="Merve Turhan" userId="3594cd17-5953-4511-8d53-8cfc799250e7" providerId="ADAL" clId="{01E56475-575D-4CD2-B720-B8D0ED314503}" dt="2022-02-21T17:50:39.615" v="2287" actId="478"/>
          <ac:spMkLst>
            <pc:docMk/>
            <pc:sldMk cId="825416630" sldId="537"/>
            <ac:spMk id="94" creationId="{2458529D-BA7E-4A59-B5A3-CA82416BCEBA}"/>
          </ac:spMkLst>
        </pc:spChg>
        <pc:spChg chg="add mod">
          <ac:chgData name="Merve Turhan" userId="3594cd17-5953-4511-8d53-8cfc799250e7" providerId="ADAL" clId="{01E56475-575D-4CD2-B720-B8D0ED314503}" dt="2022-02-21T19:03:02.737" v="2480" actId="20577"/>
          <ac:spMkLst>
            <pc:docMk/>
            <pc:sldMk cId="825416630" sldId="537"/>
            <ac:spMk id="95" creationId="{ACA0B41A-0667-451F-A578-A9C12DD051A4}"/>
          </ac:spMkLst>
        </pc:spChg>
        <pc:spChg chg="add 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99" creationId="{7F52CC21-ACBA-42AE-8BA3-27DDAC2776B6}"/>
          </ac:spMkLst>
        </pc:spChg>
        <pc:spChg chg="add del">
          <ac:chgData name="Merve Turhan" userId="3594cd17-5953-4511-8d53-8cfc799250e7" providerId="ADAL" clId="{01E56475-575D-4CD2-B720-B8D0ED314503}" dt="2022-02-21T17:58:25.674" v="2355" actId="22"/>
          <ac:spMkLst>
            <pc:docMk/>
            <pc:sldMk cId="825416630" sldId="537"/>
            <ac:spMk id="107" creationId="{C4A7FFB5-9CAE-491B-997B-4691AA5F0F5E}"/>
          </ac:spMkLst>
        </pc:spChg>
        <pc:spChg chg="add mod">
          <ac:chgData name="Merve Turhan" userId="3594cd17-5953-4511-8d53-8cfc799250e7" providerId="ADAL" clId="{01E56475-575D-4CD2-B720-B8D0ED314503}" dt="2022-02-21T17:58:29.354" v="2357" actId="1076"/>
          <ac:spMkLst>
            <pc:docMk/>
            <pc:sldMk cId="825416630" sldId="537"/>
            <ac:spMk id="109" creationId="{D49BF43E-E0B0-4307-9EEE-B4ABF5CB5012}"/>
          </ac:spMkLst>
        </pc:spChg>
        <pc:spChg chg="mod">
          <ac:chgData name="Merve Turhan" userId="3594cd17-5953-4511-8d53-8cfc799250e7" providerId="ADAL" clId="{01E56475-575D-4CD2-B720-B8D0ED314503}" dt="2022-02-21T17:57:46.093" v="2346" actId="14100"/>
          <ac:spMkLst>
            <pc:docMk/>
            <pc:sldMk cId="825416630" sldId="537"/>
            <ac:spMk id="128" creationId="{BCC5547B-9BD4-4167-8C97-615C0F8567BC}"/>
          </ac:spMkLst>
        </pc:spChg>
        <pc:spChg chg="add del mod">
          <ac:chgData name="Merve Turhan" userId="3594cd17-5953-4511-8d53-8cfc799250e7" providerId="ADAL" clId="{01E56475-575D-4CD2-B720-B8D0ED314503}" dt="2022-02-21T17:57:42.374" v="2345" actId="14100"/>
          <ac:spMkLst>
            <pc:docMk/>
            <pc:sldMk cId="825416630" sldId="537"/>
            <ac:spMk id="129" creationId="{0E4CC063-099D-4D05-A7D1-801707A9E162}"/>
          </ac:spMkLst>
        </pc:spChg>
        <pc:spChg chg="del mod">
          <ac:chgData name="Merve Turhan" userId="3594cd17-5953-4511-8d53-8cfc799250e7" providerId="ADAL" clId="{01E56475-575D-4CD2-B720-B8D0ED314503}" dt="2022-02-21T17:48:10.522" v="2213" actId="478"/>
          <ac:spMkLst>
            <pc:docMk/>
            <pc:sldMk cId="825416630" sldId="537"/>
            <ac:spMk id="130" creationId="{B866B416-4CE9-4708-A96A-4392D3797347}"/>
          </ac:spMkLst>
        </pc:spChg>
        <pc:spChg chg="del mod">
          <ac:chgData name="Merve Turhan" userId="3594cd17-5953-4511-8d53-8cfc799250e7" providerId="ADAL" clId="{01E56475-575D-4CD2-B720-B8D0ED314503}" dt="2022-02-21T17:48:07.002" v="2212" actId="478"/>
          <ac:spMkLst>
            <pc:docMk/>
            <pc:sldMk cId="825416630" sldId="537"/>
            <ac:spMk id="131" creationId="{B6CAD08F-4E51-46E0-A608-D168A8E92DF8}"/>
          </ac:spMkLst>
        </pc:spChg>
        <pc:spChg chg="add del mod">
          <ac:chgData name="Merve Turhan" userId="3594cd17-5953-4511-8d53-8cfc799250e7" providerId="ADAL" clId="{01E56475-575D-4CD2-B720-B8D0ED314503}" dt="2022-02-21T17:57:30.694" v="2343" actId="1076"/>
          <ac:spMkLst>
            <pc:docMk/>
            <pc:sldMk cId="825416630" sldId="537"/>
            <ac:spMk id="132" creationId="{E4647F27-F7C7-46A3-90AC-F2C39DB42438}"/>
          </ac:spMkLst>
        </pc:spChg>
        <pc:spChg chg="del">
          <ac:chgData name="Merve Turhan" userId="3594cd17-5953-4511-8d53-8cfc799250e7" providerId="ADAL" clId="{01E56475-575D-4CD2-B720-B8D0ED314503}" dt="2022-02-21T17:43:49.770" v="2071" actId="478"/>
          <ac:spMkLst>
            <pc:docMk/>
            <pc:sldMk cId="825416630" sldId="537"/>
            <ac:spMk id="133" creationId="{A4100A7F-9713-4A3D-92D9-284A41263ACB}"/>
          </ac:spMkLst>
        </pc:spChg>
        <pc:spChg chg="del mod">
          <ac:chgData name="Merve Turhan" userId="3594cd17-5953-4511-8d53-8cfc799250e7" providerId="ADAL" clId="{01E56475-575D-4CD2-B720-B8D0ED314503}" dt="2022-02-21T17:43:39.155" v="2064" actId="478"/>
          <ac:spMkLst>
            <pc:docMk/>
            <pc:sldMk cId="825416630" sldId="537"/>
            <ac:spMk id="134" creationId="{61EF6CB5-C802-4E0F-B3D6-8671E3A7DBC6}"/>
          </ac:spMkLst>
        </pc:spChg>
        <pc:spChg chg="del">
          <ac:chgData name="Merve Turhan" userId="3594cd17-5953-4511-8d53-8cfc799250e7" providerId="ADAL" clId="{01E56475-575D-4CD2-B720-B8D0ED314503}" dt="2022-02-21T17:43:34.947" v="2060" actId="478"/>
          <ac:spMkLst>
            <pc:docMk/>
            <pc:sldMk cId="825416630" sldId="537"/>
            <ac:spMk id="135" creationId="{FCA18B1E-785A-4AFC-9B6C-5CDCAB916BA8}"/>
          </ac:spMkLst>
        </pc:spChg>
        <pc:spChg chg="add del mod">
          <ac:chgData name="Merve Turhan" userId="3594cd17-5953-4511-8d53-8cfc799250e7" providerId="ADAL" clId="{01E56475-575D-4CD2-B720-B8D0ED314503}" dt="2022-02-21T17:57:13.411" v="2340" actId="478"/>
          <ac:spMkLst>
            <pc:docMk/>
            <pc:sldMk cId="825416630" sldId="537"/>
            <ac:spMk id="136" creationId="{87BF51EC-0EEF-4235-A5BC-6916AFC03277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37" creationId="{684C9B13-C02D-4A18-911D-F69FEA8C4951}"/>
          </ac:spMkLst>
        </pc:spChg>
        <pc:spChg chg="mod">
          <ac:chgData name="Merve Turhan" userId="3594cd17-5953-4511-8d53-8cfc799250e7" providerId="ADAL" clId="{01E56475-575D-4CD2-B720-B8D0ED314503}" dt="2022-02-21T18:06:19.286" v="2371" actId="20577"/>
          <ac:spMkLst>
            <pc:docMk/>
            <pc:sldMk cId="825416630" sldId="537"/>
            <ac:spMk id="138" creationId="{EF2A60DD-E1D3-41AC-9ABB-CC13C711DA89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39" creationId="{5711B043-5F6F-4DE3-860D-FF9C15AA1ECD}"/>
          </ac:spMkLst>
        </pc:spChg>
        <pc:spChg chg="del">
          <ac:chgData name="Merve Turhan" userId="3594cd17-5953-4511-8d53-8cfc799250e7" providerId="ADAL" clId="{01E56475-575D-4CD2-B720-B8D0ED314503}" dt="2022-02-21T17:44:21.542" v="2081" actId="478"/>
          <ac:spMkLst>
            <pc:docMk/>
            <pc:sldMk cId="825416630" sldId="537"/>
            <ac:spMk id="140" creationId="{73C25481-6206-46E8-B729-AB29FB96DED6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41" creationId="{10F107C2-BEED-467C-9577-1BF5FB30BC46}"/>
          </ac:spMkLst>
        </pc:spChg>
        <pc:spChg chg="del">
          <ac:chgData name="Merve Turhan" userId="3594cd17-5953-4511-8d53-8cfc799250e7" providerId="ADAL" clId="{01E56475-575D-4CD2-B720-B8D0ED314503}" dt="2022-02-21T17:44:39.078" v="2088" actId="478"/>
          <ac:spMkLst>
            <pc:docMk/>
            <pc:sldMk cId="825416630" sldId="537"/>
            <ac:spMk id="142" creationId="{51FC51A1-23EB-4012-B645-7B549275503B}"/>
          </ac:spMkLst>
        </pc:spChg>
        <pc:spChg chg="del">
          <ac:chgData name="Merve Turhan" userId="3594cd17-5953-4511-8d53-8cfc799250e7" providerId="ADAL" clId="{01E56475-575D-4CD2-B720-B8D0ED314503}" dt="2022-02-21T17:44:40.298" v="2089" actId="478"/>
          <ac:spMkLst>
            <pc:docMk/>
            <pc:sldMk cId="825416630" sldId="537"/>
            <ac:spMk id="143" creationId="{D42930BC-E83D-424E-A347-8E92E92DA6C0}"/>
          </ac:spMkLst>
        </pc:spChg>
        <pc:spChg chg="del">
          <ac:chgData name="Merve Turhan" userId="3594cd17-5953-4511-8d53-8cfc799250e7" providerId="ADAL" clId="{01E56475-575D-4CD2-B720-B8D0ED314503}" dt="2022-02-21T17:44:41.507" v="2090" actId="478"/>
          <ac:spMkLst>
            <pc:docMk/>
            <pc:sldMk cId="825416630" sldId="537"/>
            <ac:spMk id="144" creationId="{7703699E-32E5-4DE5-A8A8-B46E83D3D21D}"/>
          </ac:spMkLst>
        </pc:spChg>
        <pc:spChg chg="del">
          <ac:chgData name="Merve Turhan" userId="3594cd17-5953-4511-8d53-8cfc799250e7" providerId="ADAL" clId="{01E56475-575D-4CD2-B720-B8D0ED314503}" dt="2022-02-21T17:44:17.442" v="2077" actId="478"/>
          <ac:spMkLst>
            <pc:docMk/>
            <pc:sldMk cId="825416630" sldId="537"/>
            <ac:spMk id="145" creationId="{AF03DA2F-EB9A-4B82-886B-4DE04BB692CB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46" creationId="{582DC3A1-2784-48EA-BBDF-9D785E478A70}"/>
          </ac:spMkLst>
        </pc:spChg>
        <pc:spChg chg="del">
          <ac:chgData name="Merve Turhan" userId="3594cd17-5953-4511-8d53-8cfc799250e7" providerId="ADAL" clId="{01E56475-575D-4CD2-B720-B8D0ED314503}" dt="2022-02-21T17:44:13.638" v="2075" actId="478"/>
          <ac:spMkLst>
            <pc:docMk/>
            <pc:sldMk cId="825416630" sldId="537"/>
            <ac:spMk id="147" creationId="{7D185C5C-BFF4-44CE-80B0-56571C3E39CB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48" creationId="{D625B786-4DB6-4AAE-A6E3-7D67BF0501A5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68" creationId="{59F7C13A-FCFD-44AE-8DED-5D9C27D5DEB3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69" creationId="{11B9D5AE-8E77-4B80-BDEA-EE626CD92A12}"/>
          </ac:spMkLst>
        </pc:spChg>
        <pc:spChg chg="mod">
          <ac:chgData name="Merve Turhan" userId="3594cd17-5953-4511-8d53-8cfc799250e7" providerId="ADAL" clId="{01E56475-575D-4CD2-B720-B8D0ED314503}" dt="2022-02-21T17:57:49.761" v="2347" actId="1076"/>
          <ac:spMkLst>
            <pc:docMk/>
            <pc:sldMk cId="825416630" sldId="537"/>
            <ac:spMk id="170" creationId="{F6BEC4E8-85E6-41B2-8226-0DE339BD1840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71" creationId="{CA930ABD-CE54-4E3C-91E5-FC67688D4221}"/>
          </ac:spMkLst>
        </pc:spChg>
        <pc:spChg chg="del">
          <ac:chgData name="Merve Turhan" userId="3594cd17-5953-4511-8d53-8cfc799250e7" providerId="ADAL" clId="{01E56475-575D-4CD2-B720-B8D0ED314503}" dt="2022-02-21T17:44:16.002" v="2076" actId="478"/>
          <ac:spMkLst>
            <pc:docMk/>
            <pc:sldMk cId="825416630" sldId="537"/>
            <ac:spMk id="172" creationId="{27EB9CBC-C335-4309-92DA-4780CDFA0B43}"/>
          </ac:spMkLst>
        </pc:spChg>
        <pc:spChg chg="del mod">
          <ac:chgData name="Merve Turhan" userId="3594cd17-5953-4511-8d53-8cfc799250e7" providerId="ADAL" clId="{01E56475-575D-4CD2-B720-B8D0ED314503}" dt="2022-02-21T17:48:13.374" v="2214" actId="478"/>
          <ac:spMkLst>
            <pc:docMk/>
            <pc:sldMk cId="825416630" sldId="537"/>
            <ac:spMk id="173" creationId="{EFC89430-A2CB-4C3C-90B3-7E9ECD1E084D}"/>
          </ac:spMkLst>
        </pc:spChg>
        <pc:spChg chg="del">
          <ac:chgData name="Merve Turhan" userId="3594cd17-5953-4511-8d53-8cfc799250e7" providerId="ADAL" clId="{01E56475-575D-4CD2-B720-B8D0ED314503}" dt="2022-02-21T17:44:37.750" v="2087" actId="478"/>
          <ac:spMkLst>
            <pc:docMk/>
            <pc:sldMk cId="825416630" sldId="537"/>
            <ac:spMk id="174" creationId="{98F23E4C-72E7-4AA4-9F9B-7272EC7D1AA6}"/>
          </ac:spMkLst>
        </pc:spChg>
        <pc:spChg chg="del">
          <ac:chgData name="Merve Turhan" userId="3594cd17-5953-4511-8d53-8cfc799250e7" providerId="ADAL" clId="{01E56475-575D-4CD2-B720-B8D0ED314503}" dt="2022-02-21T17:44:23.906" v="2083" actId="478"/>
          <ac:spMkLst>
            <pc:docMk/>
            <pc:sldMk cId="825416630" sldId="537"/>
            <ac:spMk id="176" creationId="{EB727718-DF78-4E66-8CE8-4DE600DE4882}"/>
          </ac:spMkLst>
        </pc:spChg>
        <pc:spChg chg="del mod">
          <ac:chgData name="Merve Turhan" userId="3594cd17-5953-4511-8d53-8cfc799250e7" providerId="ADAL" clId="{01E56475-575D-4CD2-B720-B8D0ED314503}" dt="2022-02-21T17:44:26.742" v="2084" actId="478"/>
          <ac:spMkLst>
            <pc:docMk/>
            <pc:sldMk cId="825416630" sldId="537"/>
            <ac:spMk id="177" creationId="{C447EAF2-8E23-4F08-9AF3-21E1FD5CB4DA}"/>
          </ac:spMkLst>
        </pc:spChg>
        <pc:spChg chg="add del">
          <ac:chgData name="Merve Turhan" userId="3594cd17-5953-4511-8d53-8cfc799250e7" providerId="ADAL" clId="{01E56475-575D-4CD2-B720-B8D0ED314503}" dt="2022-02-21T17:43:30.642" v="2057" actId="478"/>
          <ac:spMkLst>
            <pc:docMk/>
            <pc:sldMk cId="825416630" sldId="537"/>
            <ac:spMk id="178" creationId="{A43B7E51-9F19-46E6-8B88-605D08F04E7E}"/>
          </ac:spMkLst>
        </pc:spChg>
        <pc:spChg chg="add del">
          <ac:chgData name="Merve Turhan" userId="3594cd17-5953-4511-8d53-8cfc799250e7" providerId="ADAL" clId="{01E56475-575D-4CD2-B720-B8D0ED314503}" dt="2022-02-21T17:43:31.726" v="2058" actId="478"/>
          <ac:spMkLst>
            <pc:docMk/>
            <pc:sldMk cId="825416630" sldId="537"/>
            <ac:spMk id="179" creationId="{71CD48E0-69B6-408B-9821-8EA2C0BE0778}"/>
          </ac:spMkLst>
        </pc:spChg>
        <pc:spChg chg="del">
          <ac:chgData name="Merve Turhan" userId="3594cd17-5953-4511-8d53-8cfc799250e7" providerId="ADAL" clId="{01E56475-575D-4CD2-B720-B8D0ED314503}" dt="2022-02-21T17:43:46.854" v="2069" actId="478"/>
          <ac:spMkLst>
            <pc:docMk/>
            <pc:sldMk cId="825416630" sldId="537"/>
            <ac:spMk id="183" creationId="{16E15DB5-CEBF-4E80-B098-074CB3EB0235}"/>
          </ac:spMkLst>
        </pc:spChg>
        <pc:spChg chg="del">
          <ac:chgData name="Merve Turhan" userId="3594cd17-5953-4511-8d53-8cfc799250e7" providerId="ADAL" clId="{01E56475-575D-4CD2-B720-B8D0ED314503}" dt="2022-02-21T17:43:48.869" v="2070" actId="478"/>
          <ac:spMkLst>
            <pc:docMk/>
            <pc:sldMk cId="825416630" sldId="537"/>
            <ac:spMk id="185" creationId="{7B097CDA-5237-4561-8F5D-5642BD8DBA6D}"/>
          </ac:spMkLst>
        </pc:spChg>
        <pc:spChg chg="del">
          <ac:chgData name="Merve Turhan" userId="3594cd17-5953-4511-8d53-8cfc799250e7" providerId="ADAL" clId="{01E56475-575D-4CD2-B720-B8D0ED314503}" dt="2022-02-21T17:43:42.157" v="2066" actId="478"/>
          <ac:spMkLst>
            <pc:docMk/>
            <pc:sldMk cId="825416630" sldId="537"/>
            <ac:spMk id="186" creationId="{62F6F1C0-370B-443F-895A-7052AD6E7921}"/>
          </ac:spMkLst>
        </pc:spChg>
        <pc:spChg chg="del">
          <ac:chgData name="Merve Turhan" userId="3594cd17-5953-4511-8d53-8cfc799250e7" providerId="ADAL" clId="{01E56475-575D-4CD2-B720-B8D0ED314503}" dt="2022-02-21T17:43:43.898" v="2067" actId="478"/>
          <ac:spMkLst>
            <pc:docMk/>
            <pc:sldMk cId="825416630" sldId="537"/>
            <ac:spMk id="187" creationId="{9899BDD4-09B0-46A4-A289-2C94D1607543}"/>
          </ac:spMkLst>
        </pc:spChg>
        <pc:cxnChg chg="add 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64" creationId="{7CCC82E3-01BE-4AD6-8A13-7C53D3A68F5F}"/>
          </ac:cxnSpMkLst>
        </pc:cxnChg>
        <pc:cxnChg chg="add 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00" creationId="{35E0103F-1FA9-43E8-A328-B0B4227F6E1B}"/>
          </ac:cxnSpMkLst>
        </pc:cxnChg>
        <pc:cxnChg chg="del mod">
          <ac:chgData name="Merve Turhan" userId="3594cd17-5953-4511-8d53-8cfc799250e7" providerId="ADAL" clId="{01E56475-575D-4CD2-B720-B8D0ED314503}" dt="2022-02-21T17:43:50.550" v="2072" actId="478"/>
          <ac:cxnSpMkLst>
            <pc:docMk/>
            <pc:sldMk cId="825416630" sldId="537"/>
            <ac:cxnSpMk id="149" creationId="{D5ED2A6E-9FCA-4F81-9D77-8010ECCBF82A}"/>
          </ac:cxnSpMkLst>
        </pc:cxnChg>
        <pc:cxnChg chg="del mod">
          <ac:chgData name="Merve Turhan" userId="3594cd17-5953-4511-8d53-8cfc799250e7" providerId="ADAL" clId="{01E56475-575D-4CD2-B720-B8D0ED314503}" dt="2022-02-21T17:43:37.052" v="2062" actId="478"/>
          <ac:cxnSpMkLst>
            <pc:docMk/>
            <pc:sldMk cId="825416630" sldId="537"/>
            <ac:cxnSpMk id="150" creationId="{34C7D136-C2FA-4467-A34A-E3DE14EC336E}"/>
          </ac:cxnSpMkLst>
        </pc:cxnChg>
        <pc:cxnChg chg="mod">
          <ac:chgData name="Merve Turhan" userId="3594cd17-5953-4511-8d53-8cfc799250e7" providerId="ADAL" clId="{01E56475-575D-4CD2-B720-B8D0ED314503}" dt="2022-02-21T17:57:13.411" v="2340" actId="478"/>
          <ac:cxnSpMkLst>
            <pc:docMk/>
            <pc:sldMk cId="825416630" sldId="537"/>
            <ac:cxnSpMk id="151" creationId="{04E14503-8855-4C0F-9C6B-7BF91F6410D9}"/>
          </ac:cxnSpMkLst>
        </pc:cxnChg>
        <pc:cxnChg chg="mod">
          <ac:chgData name="Merve Turhan" userId="3594cd17-5953-4511-8d53-8cfc799250e7" providerId="ADAL" clId="{01E56475-575D-4CD2-B720-B8D0ED314503}" dt="2022-02-21T18:06:09.221" v="2369" actId="14100"/>
          <ac:cxnSpMkLst>
            <pc:docMk/>
            <pc:sldMk cId="825416630" sldId="537"/>
            <ac:cxnSpMk id="152" creationId="{18A2D957-9DC8-4220-86C8-3E2167575BAB}"/>
          </ac:cxnSpMkLst>
        </pc:cxnChg>
        <pc:cxnChg chg="mod">
          <ac:chgData name="Merve Turhan" userId="3594cd17-5953-4511-8d53-8cfc799250e7" providerId="ADAL" clId="{01E56475-575D-4CD2-B720-B8D0ED314503}" dt="2022-02-21T18:06:09.221" v="2369" actId="14100"/>
          <ac:cxnSpMkLst>
            <pc:docMk/>
            <pc:sldMk cId="825416630" sldId="537"/>
            <ac:cxnSpMk id="153" creationId="{BA5E409A-BB7B-43E3-8F8F-6D5A31B4AE96}"/>
          </ac:cxnSpMkLst>
        </pc:cxnChg>
        <pc:cxnChg chg="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54" creationId="{9FD61B6E-426C-4BE2-ACB7-2D696EC82B3C}"/>
          </ac:cxnSpMkLst>
        </pc:cxnChg>
        <pc:cxnChg chg="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55" creationId="{E67E3E9C-75F0-4D0E-A044-FE4845C9BDA4}"/>
          </ac:cxnSpMkLst>
        </pc:cxnChg>
        <pc:cxnChg chg="del">
          <ac:chgData name="Merve Turhan" userId="3594cd17-5953-4511-8d53-8cfc799250e7" providerId="ADAL" clId="{01E56475-575D-4CD2-B720-B8D0ED314503}" dt="2022-02-21T17:44:44.186" v="2093" actId="478"/>
          <ac:cxnSpMkLst>
            <pc:docMk/>
            <pc:sldMk cId="825416630" sldId="537"/>
            <ac:cxnSpMk id="156" creationId="{1307C5BA-564C-4F6A-877C-56B479B843FB}"/>
          </ac:cxnSpMkLst>
        </pc:cxnChg>
        <pc:cxnChg chg="del">
          <ac:chgData name="Merve Turhan" userId="3594cd17-5953-4511-8d53-8cfc799250e7" providerId="ADAL" clId="{01E56475-575D-4CD2-B720-B8D0ED314503}" dt="2022-02-21T17:44:43.218" v="2092" actId="478"/>
          <ac:cxnSpMkLst>
            <pc:docMk/>
            <pc:sldMk cId="825416630" sldId="537"/>
            <ac:cxnSpMk id="157" creationId="{698BF0FC-68C1-4CCC-AE5A-D045B7B0E04B}"/>
          </ac:cxnSpMkLst>
        </pc:cxnChg>
        <pc:cxnChg chg="del">
          <ac:chgData name="Merve Turhan" userId="3594cd17-5953-4511-8d53-8cfc799250e7" providerId="ADAL" clId="{01E56475-575D-4CD2-B720-B8D0ED314503}" dt="2022-02-21T17:44:42.431" v="2091" actId="478"/>
          <ac:cxnSpMkLst>
            <pc:docMk/>
            <pc:sldMk cId="825416630" sldId="537"/>
            <ac:cxnSpMk id="158" creationId="{078CFA19-E801-4642-A8F6-448B422940CA}"/>
          </ac:cxnSpMkLst>
        </pc:cxnChg>
        <pc:cxnChg chg="del mod">
          <ac:chgData name="Merve Turhan" userId="3594cd17-5953-4511-8d53-8cfc799250e7" providerId="ADAL" clId="{01E56475-575D-4CD2-B720-B8D0ED314503}" dt="2022-02-21T17:46:28.229" v="2187" actId="478"/>
          <ac:cxnSpMkLst>
            <pc:docMk/>
            <pc:sldMk cId="825416630" sldId="537"/>
            <ac:cxnSpMk id="159" creationId="{B741F5F0-49A1-4F23-BD18-B5B2A0006198}"/>
          </ac:cxnSpMkLst>
        </pc:cxnChg>
        <pc:cxnChg chg="del mod">
          <ac:chgData name="Merve Turhan" userId="3594cd17-5953-4511-8d53-8cfc799250e7" providerId="ADAL" clId="{01E56475-575D-4CD2-B720-B8D0ED314503}" dt="2022-02-21T17:44:27.602" v="2085" actId="478"/>
          <ac:cxnSpMkLst>
            <pc:docMk/>
            <pc:sldMk cId="825416630" sldId="537"/>
            <ac:cxnSpMk id="160" creationId="{1DFB5412-E798-4FB4-B90E-2A0F7EFC0674}"/>
          </ac:cxnSpMkLst>
        </pc:cxnChg>
        <pc:cxnChg chg="del mod">
          <ac:chgData name="Merve Turhan" userId="3594cd17-5953-4511-8d53-8cfc799250e7" providerId="ADAL" clId="{01E56475-575D-4CD2-B720-B8D0ED314503}" dt="2022-02-21T17:44:20.778" v="2080" actId="478"/>
          <ac:cxnSpMkLst>
            <pc:docMk/>
            <pc:sldMk cId="825416630" sldId="537"/>
            <ac:cxnSpMk id="161" creationId="{5CB8CD4A-B738-480B-AF48-DBE50C9A3946}"/>
          </ac:cxnSpMkLst>
        </pc:cxnChg>
        <pc:cxnChg chg="del mod">
          <ac:chgData name="Merve Turhan" userId="3594cd17-5953-4511-8d53-8cfc799250e7" providerId="ADAL" clId="{01E56475-575D-4CD2-B720-B8D0ED314503}" dt="2022-02-21T17:44:19.878" v="2079" actId="478"/>
          <ac:cxnSpMkLst>
            <pc:docMk/>
            <pc:sldMk cId="825416630" sldId="537"/>
            <ac:cxnSpMk id="162" creationId="{C59E75B4-B604-4883-B798-7D270653F04D}"/>
          </ac:cxnSpMkLst>
        </pc:cxnChg>
        <pc:cxnChg chg="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63" creationId="{9F414A82-DF75-42F2-B6F8-D3C239F752E7}"/>
          </ac:cxnSpMkLst>
        </pc:cxnChg>
        <pc:cxnChg chg="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64" creationId="{026E9F34-754E-4C14-B1E7-3DCA4D9DBFBC}"/>
          </ac:cxnSpMkLst>
        </pc:cxnChg>
        <pc:cxnChg chg="mod">
          <ac:chgData name="Merve Turhan" userId="3594cd17-5953-4511-8d53-8cfc799250e7" providerId="ADAL" clId="{01E56475-575D-4CD2-B720-B8D0ED314503}" dt="2022-02-21T17:57:30.694" v="2343" actId="1076"/>
          <ac:cxnSpMkLst>
            <pc:docMk/>
            <pc:sldMk cId="825416630" sldId="537"/>
            <ac:cxnSpMk id="165" creationId="{6790DE98-256A-49EF-9B72-66364304F9AD}"/>
          </ac:cxnSpMkLst>
        </pc:cxnChg>
        <pc:cxnChg chg="del mod">
          <ac:chgData name="Merve Turhan" userId="3594cd17-5953-4511-8d53-8cfc799250e7" providerId="ADAL" clId="{01E56475-575D-4CD2-B720-B8D0ED314503}" dt="2022-02-21T17:46:34.001" v="2189" actId="478"/>
          <ac:cxnSpMkLst>
            <pc:docMk/>
            <pc:sldMk cId="825416630" sldId="537"/>
            <ac:cxnSpMk id="166" creationId="{A9B5A492-C487-43E4-BAB8-34EE1CE3EFCA}"/>
          </ac:cxnSpMkLst>
        </pc:cxnChg>
        <pc:cxnChg chg="del mod">
          <ac:chgData name="Merve Turhan" userId="3594cd17-5953-4511-8d53-8cfc799250e7" providerId="ADAL" clId="{01E56475-575D-4CD2-B720-B8D0ED314503}" dt="2022-02-21T17:46:31.890" v="2188" actId="478"/>
          <ac:cxnSpMkLst>
            <pc:docMk/>
            <pc:sldMk cId="825416630" sldId="537"/>
            <ac:cxnSpMk id="167" creationId="{82B2ECD1-7786-44A7-BADF-D2167BC5183E}"/>
          </ac:cxnSpMkLst>
        </pc:cxnChg>
        <pc:cxnChg chg="del mod">
          <ac:chgData name="Merve Turhan" userId="3594cd17-5953-4511-8d53-8cfc799250e7" providerId="ADAL" clId="{01E56475-575D-4CD2-B720-B8D0ED314503}" dt="2022-02-21T17:44:18.798" v="2078" actId="478"/>
          <ac:cxnSpMkLst>
            <pc:docMk/>
            <pc:sldMk cId="825416630" sldId="537"/>
            <ac:cxnSpMk id="175" creationId="{F3CBD3BE-FDF9-4CEE-B778-8FF674CEC9CB}"/>
          </ac:cxnSpMkLst>
        </pc:cxnChg>
        <pc:cxnChg chg="del mod">
          <ac:chgData name="Merve Turhan" userId="3594cd17-5953-4511-8d53-8cfc799250e7" providerId="ADAL" clId="{01E56475-575D-4CD2-B720-B8D0ED314503}" dt="2022-02-21T17:57:21.435" v="2342" actId="478"/>
          <ac:cxnSpMkLst>
            <pc:docMk/>
            <pc:sldMk cId="825416630" sldId="537"/>
            <ac:cxnSpMk id="180" creationId="{966AFD1D-5651-47E4-B408-B80C04BCB41B}"/>
          </ac:cxnSpMkLst>
        </pc:cxnChg>
        <pc:cxnChg chg="del mod">
          <ac:chgData name="Merve Turhan" userId="3594cd17-5953-4511-8d53-8cfc799250e7" providerId="ADAL" clId="{01E56475-575D-4CD2-B720-B8D0ED314503}" dt="2022-02-21T17:43:44.518" v="2068" actId="478"/>
          <ac:cxnSpMkLst>
            <pc:docMk/>
            <pc:sldMk cId="825416630" sldId="537"/>
            <ac:cxnSpMk id="181" creationId="{F41DB78D-BE4D-4504-81D0-506D51AC6E4C}"/>
          </ac:cxnSpMkLst>
        </pc:cxnChg>
        <pc:cxnChg chg="add del mod">
          <ac:chgData name="Merve Turhan" userId="3594cd17-5953-4511-8d53-8cfc799250e7" providerId="ADAL" clId="{01E56475-575D-4CD2-B720-B8D0ED314503}" dt="2022-02-21T17:43:32.526" v="2059" actId="478"/>
          <ac:cxnSpMkLst>
            <pc:docMk/>
            <pc:sldMk cId="825416630" sldId="537"/>
            <ac:cxnSpMk id="182" creationId="{F567C1A6-84E3-410F-8C75-908F83E75297}"/>
          </ac:cxnSpMkLst>
        </pc:cxnChg>
        <pc:cxnChg chg="del mod">
          <ac:chgData name="Merve Turhan" userId="3594cd17-5953-4511-8d53-8cfc799250e7" providerId="ADAL" clId="{01E56475-575D-4CD2-B720-B8D0ED314503}" dt="2022-02-21T17:42:44.343" v="2044" actId="478"/>
          <ac:cxnSpMkLst>
            <pc:docMk/>
            <pc:sldMk cId="825416630" sldId="537"/>
            <ac:cxnSpMk id="184" creationId="{F72BD69F-944E-49E5-AF0A-6E05FAABE670}"/>
          </ac:cxnSpMkLst>
        </pc:cxnChg>
        <pc:cxnChg chg="del mod">
          <ac:chgData name="Merve Turhan" userId="3594cd17-5953-4511-8d53-8cfc799250e7" providerId="ADAL" clId="{01E56475-575D-4CD2-B720-B8D0ED314503}" dt="2022-02-21T17:43:40.434" v="2065" actId="478"/>
          <ac:cxnSpMkLst>
            <pc:docMk/>
            <pc:sldMk cId="825416630" sldId="537"/>
            <ac:cxnSpMk id="188" creationId="{B0C5E11B-EDC2-48AE-B083-82921052F385}"/>
          </ac:cxnSpMkLst>
        </pc:cxnChg>
        <pc:cxnChg chg="del mod">
          <ac:chgData name="Merve Turhan" userId="3594cd17-5953-4511-8d53-8cfc799250e7" providerId="ADAL" clId="{01E56475-575D-4CD2-B720-B8D0ED314503}" dt="2022-02-21T17:43:35.938" v="2061" actId="478"/>
          <ac:cxnSpMkLst>
            <pc:docMk/>
            <pc:sldMk cId="825416630" sldId="537"/>
            <ac:cxnSpMk id="189" creationId="{509E021F-633D-424C-BF8D-8FB98543D9A2}"/>
          </ac:cxnSpMkLst>
        </pc:cxnChg>
      </pc:sldChg>
      <pc:sldChg chg="addSp delSp modSp add mod">
        <pc:chgData name="Merve Turhan" userId="3594cd17-5953-4511-8d53-8cfc799250e7" providerId="ADAL" clId="{01E56475-575D-4CD2-B720-B8D0ED314503}" dt="2022-02-23T22:01:16.983" v="12607" actId="20577"/>
        <pc:sldMkLst>
          <pc:docMk/>
          <pc:sldMk cId="3032936771" sldId="538"/>
        </pc:sldMkLst>
        <pc:spChg chg="mod">
          <ac:chgData name="Merve Turhan" userId="3594cd17-5953-4511-8d53-8cfc799250e7" providerId="ADAL" clId="{01E56475-575D-4CD2-B720-B8D0ED314503}" dt="2022-02-23T18:30:59.806" v="11515" actId="790"/>
          <ac:spMkLst>
            <pc:docMk/>
            <pc:sldMk cId="3032936771" sldId="538"/>
            <ac:spMk id="2" creationId="{642BE25F-90A2-4B63-B1FD-2969EF539A0C}"/>
          </ac:spMkLst>
        </pc:spChg>
        <pc:spChg chg="del mod">
          <ac:chgData name="Merve Turhan" userId="3594cd17-5953-4511-8d53-8cfc799250e7" providerId="ADAL" clId="{01E56475-575D-4CD2-B720-B8D0ED314503}" dt="2022-02-22T05:16:30.923" v="5731" actId="478"/>
          <ac:spMkLst>
            <pc:docMk/>
            <pc:sldMk cId="3032936771" sldId="538"/>
            <ac:spMk id="3" creationId="{33AE2E6A-76C6-4AA5-993A-A67B2C479625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4" creationId="{75AD9BE6-3418-4144-88B4-D57AF0BD3CDE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5" creationId="{E4668E01-8A0E-4D6E-A74F-19341AA1D5AD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6" creationId="{F1205CBC-92A9-4C4F-A208-ACA7BF7C2D4A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7" creationId="{19073E19-BBD6-4171-8E3B-BED11D0C7A32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8" creationId="{EEB50F4E-CCFB-45E6-AEF4-B24CED1E3B80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9" creationId="{60F4F556-8D4B-4E60-836B-24819BE1267D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0" creationId="{03757064-87CB-45F0-89E1-9BF593C66F5F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1" creationId="{55640A82-6706-432C-B0B8-0BB5C20E6433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2" creationId="{0EC2E9FB-F04B-4BDC-9A88-073EE99914CA}"/>
          </ac:spMkLst>
        </pc:spChg>
        <pc:spChg chg="add del mod">
          <ac:chgData name="Merve Turhan" userId="3594cd17-5953-4511-8d53-8cfc799250e7" providerId="ADAL" clId="{01E56475-575D-4CD2-B720-B8D0ED314503}" dt="2022-02-22T05:16:35.231" v="5732" actId="478"/>
          <ac:spMkLst>
            <pc:docMk/>
            <pc:sldMk cId="3032936771" sldId="538"/>
            <ac:spMk id="14" creationId="{C40C10CE-0C30-45B5-8F1A-49842668E853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6" creationId="{7EEFB7C8-134B-453D-A0A3-7E903753CE1F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7" creationId="{E79CA24E-2BD1-4C31-B87C-923F0EA3EA3D}"/>
          </ac:spMkLst>
        </pc:spChg>
        <pc:spChg chg="add mod">
          <ac:chgData name="Merve Turhan" userId="3594cd17-5953-4511-8d53-8cfc799250e7" providerId="ADAL" clId="{01E56475-575D-4CD2-B720-B8D0ED314503}" dt="2022-02-23T18:30:59.807" v="11516" actId="790"/>
          <ac:spMkLst>
            <pc:docMk/>
            <pc:sldMk cId="3032936771" sldId="538"/>
            <ac:spMk id="18" creationId="{71CE2699-4ECC-41CE-AA28-2D6BA30BD1A9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9" creationId="{E6BA1DA9-B446-4787-8A02-9217647E2AAF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20" creationId="{E34EA5DB-7770-4A66-83B0-8D424B9E76B7}"/>
          </ac:spMkLst>
        </pc:spChg>
        <pc:spChg chg="add del mod">
          <ac:chgData name="Merve Turhan" userId="3594cd17-5953-4511-8d53-8cfc799250e7" providerId="ADAL" clId="{01E56475-575D-4CD2-B720-B8D0ED314503}" dt="2022-02-22T05:19:29.620" v="5743" actId="478"/>
          <ac:spMkLst>
            <pc:docMk/>
            <pc:sldMk cId="3032936771" sldId="538"/>
            <ac:spMk id="21" creationId="{07D6AFBC-F49C-411A-A91C-65520D5642D0}"/>
          </ac:spMkLst>
        </pc:spChg>
        <pc:spChg chg="add del mod">
          <ac:chgData name="Merve Turhan" userId="3594cd17-5953-4511-8d53-8cfc799250e7" providerId="ADAL" clId="{01E56475-575D-4CD2-B720-B8D0ED314503}" dt="2022-02-22T05:19:47.878" v="5753" actId="478"/>
          <ac:spMkLst>
            <pc:docMk/>
            <pc:sldMk cId="3032936771" sldId="538"/>
            <ac:spMk id="22" creationId="{6361E886-AC66-4EAD-B6AF-935DE1412F5E}"/>
          </ac:spMkLst>
        </pc:spChg>
        <pc:spChg chg="add del mod">
          <ac:chgData name="Merve Turhan" userId="3594cd17-5953-4511-8d53-8cfc799250e7" providerId="ADAL" clId="{01E56475-575D-4CD2-B720-B8D0ED314503}" dt="2022-02-22T05:19:33.880" v="5745" actId="478"/>
          <ac:spMkLst>
            <pc:docMk/>
            <pc:sldMk cId="3032936771" sldId="538"/>
            <ac:spMk id="23" creationId="{BD2E5D08-CD4D-4F1B-B8A6-39CE5883726F}"/>
          </ac:spMkLst>
        </pc:spChg>
        <pc:spChg chg="add del mod">
          <ac:chgData name="Merve Turhan" userId="3594cd17-5953-4511-8d53-8cfc799250e7" providerId="ADAL" clId="{01E56475-575D-4CD2-B720-B8D0ED314503}" dt="2022-02-22T05:19:49.057" v="5754" actId="478"/>
          <ac:spMkLst>
            <pc:docMk/>
            <pc:sldMk cId="3032936771" sldId="538"/>
            <ac:spMk id="24" creationId="{58934B3F-E197-4A5D-9FC3-72AB3415E1C9}"/>
          </ac:spMkLst>
        </pc:spChg>
        <pc:spChg chg="add del mod">
          <ac:chgData name="Merve Turhan" userId="3594cd17-5953-4511-8d53-8cfc799250e7" providerId="ADAL" clId="{01E56475-575D-4CD2-B720-B8D0ED314503}" dt="2022-02-22T05:19:26.900" v="5741" actId="478"/>
          <ac:spMkLst>
            <pc:docMk/>
            <pc:sldMk cId="3032936771" sldId="538"/>
            <ac:spMk id="25" creationId="{047A8605-E454-4B57-970B-61A51E9FB38D}"/>
          </ac:spMkLst>
        </pc:spChg>
        <pc:spChg chg="add mod">
          <ac:chgData name="Merve Turhan" userId="3594cd17-5953-4511-8d53-8cfc799250e7" providerId="ADAL" clId="{01E56475-575D-4CD2-B720-B8D0ED314503}" dt="2022-02-23T18:30:59.807" v="11517" actId="790"/>
          <ac:spMkLst>
            <pc:docMk/>
            <pc:sldMk cId="3032936771" sldId="538"/>
            <ac:spMk id="26" creationId="{B676D700-A799-47A6-B5C1-F9876EC52602}"/>
          </ac:spMkLst>
        </pc:spChg>
        <pc:spChg chg="add del mod">
          <ac:chgData name="Merve Turhan" userId="3594cd17-5953-4511-8d53-8cfc799250e7" providerId="ADAL" clId="{01E56475-575D-4CD2-B720-B8D0ED314503}" dt="2022-02-22T05:27:58.193" v="5758" actId="478"/>
          <ac:spMkLst>
            <pc:docMk/>
            <pc:sldMk cId="3032936771" sldId="538"/>
            <ac:spMk id="27" creationId="{CBC724FA-5100-4D5E-9174-405031E05D71}"/>
          </ac:spMkLst>
        </pc:spChg>
        <pc:spChg chg="add del mod">
          <ac:chgData name="Merve Turhan" userId="3594cd17-5953-4511-8d53-8cfc799250e7" providerId="ADAL" clId="{01E56475-575D-4CD2-B720-B8D0ED314503}" dt="2022-02-22T05:27:53.537" v="5756" actId="478"/>
          <ac:spMkLst>
            <pc:docMk/>
            <pc:sldMk cId="3032936771" sldId="538"/>
            <ac:spMk id="28" creationId="{71E332D0-D9A6-415A-AF54-107C9CC5CE3C}"/>
          </ac:spMkLst>
        </pc:spChg>
        <pc:spChg chg="add del mod">
          <ac:chgData name="Merve Turhan" userId="3594cd17-5953-4511-8d53-8cfc799250e7" providerId="ADAL" clId="{01E56475-575D-4CD2-B720-B8D0ED314503}" dt="2022-02-22T05:19:28.585" v="5742" actId="478"/>
          <ac:spMkLst>
            <pc:docMk/>
            <pc:sldMk cId="3032936771" sldId="538"/>
            <ac:spMk id="29" creationId="{1A17688C-09D5-45A5-9806-0B4DF402BE2E}"/>
          </ac:spMkLst>
        </pc:spChg>
        <pc:spChg chg="add del mod">
          <ac:chgData name="Merve Turhan" userId="3594cd17-5953-4511-8d53-8cfc799250e7" providerId="ADAL" clId="{01E56475-575D-4CD2-B720-B8D0ED314503}" dt="2022-02-22T05:19:21.721" v="5738" actId="478"/>
          <ac:spMkLst>
            <pc:docMk/>
            <pc:sldMk cId="3032936771" sldId="538"/>
            <ac:spMk id="30" creationId="{20735F0A-D1A7-4F29-A196-AF803849A4C7}"/>
          </ac:spMkLst>
        </pc:spChg>
        <pc:spChg chg="add mod">
          <ac:chgData name="Merve Turhan" userId="3594cd17-5953-4511-8d53-8cfc799250e7" providerId="ADAL" clId="{01E56475-575D-4CD2-B720-B8D0ED314503}" dt="2022-02-23T18:30:59.808" v="11518" actId="790"/>
          <ac:spMkLst>
            <pc:docMk/>
            <pc:sldMk cId="3032936771" sldId="538"/>
            <ac:spMk id="31" creationId="{A2A620DC-7AA1-4B83-9AA9-FE46BD28A6EB}"/>
          </ac:spMkLst>
        </pc:spChg>
        <pc:spChg chg="add del mod">
          <ac:chgData name="Merve Turhan" userId="3594cd17-5953-4511-8d53-8cfc799250e7" providerId="ADAL" clId="{01E56475-575D-4CD2-B720-B8D0ED314503}" dt="2022-02-22T05:19:20.588" v="5737" actId="478"/>
          <ac:spMkLst>
            <pc:docMk/>
            <pc:sldMk cId="3032936771" sldId="538"/>
            <ac:spMk id="32" creationId="{A7EB3418-411A-4399-90FA-E1C8CAAE2741}"/>
          </ac:spMkLst>
        </pc:spChg>
        <pc:spChg chg="add del mod">
          <ac:chgData name="Merve Turhan" userId="3594cd17-5953-4511-8d53-8cfc799250e7" providerId="ADAL" clId="{01E56475-575D-4CD2-B720-B8D0ED314503}" dt="2022-02-22T05:19:44.120" v="5751" actId="478"/>
          <ac:spMkLst>
            <pc:docMk/>
            <pc:sldMk cId="3032936771" sldId="538"/>
            <ac:spMk id="33" creationId="{7E404767-5561-4294-8F33-431AD4E4083E}"/>
          </ac:spMkLst>
        </pc:spChg>
        <pc:spChg chg="add del mod">
          <ac:chgData name="Merve Turhan" userId="3594cd17-5953-4511-8d53-8cfc799250e7" providerId="ADAL" clId="{01E56475-575D-4CD2-B720-B8D0ED314503}" dt="2022-02-22T05:19:22.507" v="5739" actId="478"/>
          <ac:spMkLst>
            <pc:docMk/>
            <pc:sldMk cId="3032936771" sldId="538"/>
            <ac:spMk id="34" creationId="{337C8850-EB4A-4629-8C7F-44A3F92584ED}"/>
          </ac:spMkLst>
        </pc:spChg>
        <pc:spChg chg="add mod">
          <ac:chgData name="Merve Turhan" userId="3594cd17-5953-4511-8d53-8cfc799250e7" providerId="ADAL" clId="{01E56475-575D-4CD2-B720-B8D0ED314503}" dt="2022-02-23T18:30:59.809" v="11519" actId="790"/>
          <ac:spMkLst>
            <pc:docMk/>
            <pc:sldMk cId="3032936771" sldId="538"/>
            <ac:spMk id="35" creationId="{CCC46904-0EFA-4783-9970-621C3BD32ADA}"/>
          </ac:spMkLst>
        </pc:spChg>
        <pc:spChg chg="add del mod">
          <ac:chgData name="Merve Turhan" userId="3594cd17-5953-4511-8d53-8cfc799250e7" providerId="ADAL" clId="{01E56475-575D-4CD2-B720-B8D0ED314503}" dt="2022-02-22T05:27:57.447" v="5757" actId="478"/>
          <ac:spMkLst>
            <pc:docMk/>
            <pc:sldMk cId="3032936771" sldId="538"/>
            <ac:spMk id="36" creationId="{777727CA-E34A-49D2-9DFA-08DB2C6CCCDA}"/>
          </ac:spMkLst>
        </pc:spChg>
        <pc:spChg chg="add del mod">
          <ac:chgData name="Merve Turhan" userId="3594cd17-5953-4511-8d53-8cfc799250e7" providerId="ADAL" clId="{01E56475-575D-4CD2-B720-B8D0ED314503}" dt="2022-02-22T05:27:52.268" v="5755" actId="478"/>
          <ac:spMkLst>
            <pc:docMk/>
            <pc:sldMk cId="3032936771" sldId="538"/>
            <ac:spMk id="37" creationId="{C941B8DE-8B6A-44DB-805D-78A182BE5B87}"/>
          </ac:spMkLst>
        </pc:spChg>
        <pc:spChg chg="add mod">
          <ac:chgData name="Merve Turhan" userId="3594cd17-5953-4511-8d53-8cfc799250e7" providerId="ADAL" clId="{01E56475-575D-4CD2-B720-B8D0ED314503}" dt="2022-02-23T18:30:59.810" v="11520" actId="790"/>
          <ac:spMkLst>
            <pc:docMk/>
            <pc:sldMk cId="3032936771" sldId="538"/>
            <ac:spMk id="38" creationId="{276A1AC9-1F5A-4C7F-BA74-3D6A67EBC8EB}"/>
          </ac:spMkLst>
        </pc:spChg>
        <pc:spChg chg="add mod">
          <ac:chgData name="Merve Turhan" userId="3594cd17-5953-4511-8d53-8cfc799250e7" providerId="ADAL" clId="{01E56475-575D-4CD2-B720-B8D0ED314503}" dt="2022-02-23T18:30:59.811" v="11521" actId="790"/>
          <ac:spMkLst>
            <pc:docMk/>
            <pc:sldMk cId="3032936771" sldId="538"/>
            <ac:spMk id="39" creationId="{5E0FCE99-8E76-4B6E-B68D-A8200DCBBA8E}"/>
          </ac:spMkLst>
        </pc:spChg>
        <pc:spChg chg="add mod">
          <ac:chgData name="Merve Turhan" userId="3594cd17-5953-4511-8d53-8cfc799250e7" providerId="ADAL" clId="{01E56475-575D-4CD2-B720-B8D0ED314503}" dt="2022-02-23T22:01:08.012" v="12582" actId="20577"/>
          <ac:spMkLst>
            <pc:docMk/>
            <pc:sldMk cId="3032936771" sldId="538"/>
            <ac:spMk id="40" creationId="{3C66F5BC-0272-4D83-BF94-3302C86D0E40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3" creationId="{C1BB17D5-54CF-47C8-A697-7EE961BCAEBE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4" creationId="{463B8EDC-DAC6-4037-B583-A91053351EC9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5" creationId="{8EAF013E-7382-4A41-872A-06DE1CBA5B35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6" creationId="{5D07B31A-7E7C-4B4D-A1B7-16831644ECBF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7" creationId="{C3572231-9179-4742-B7FA-8EDE35577812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8" creationId="{7786A11B-770D-4193-A8A7-DD9C6F484FCF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9" creationId="{A64805D4-092F-4239-874B-5809E309D304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2" creationId="{3008D6C4-3E0E-45B7-AD70-1AF86852737B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3" creationId="{C90F43C1-CD9F-47FA-AEA1-35597B825DC1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4" creationId="{73CCE04F-51CE-4E9B-A606-C22EC0620DA1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5" creationId="{69A567C8-C533-4848-81A5-BCFC9475AB1C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6" creationId="{3A9CB37F-A638-4A09-A0AD-B18D9448C6C9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7" creationId="{46708399-8CFD-4150-A721-5894D68CA7B0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8" creationId="{D2D2D1E4-0149-4836-9A02-508DA6E02335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0" creationId="{BD51332C-9B3C-4ED0-80D3-5D210B5089F9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1" creationId="{A4B77694-19ED-4BD0-966E-BE506F6E5BAE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2" creationId="{DFDFCD31-E295-4C6A-8EB5-9312DE19D6B1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3" creationId="{A726B97B-764D-4505-98BF-0482F7400FA3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4" creationId="{AF3B173B-6BFA-4B36-A06B-5A6A3028B122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5" creationId="{86C75EEF-E45C-41B0-945E-97CA021A7684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6" creationId="{7489934D-49FB-4B9A-9262-CF3C655917C4}"/>
          </ac:spMkLst>
        </pc:spChg>
        <pc:spChg chg="add mod">
          <ac:chgData name="Merve Turhan" userId="3594cd17-5953-4511-8d53-8cfc799250e7" providerId="ADAL" clId="{01E56475-575D-4CD2-B720-B8D0ED314503}" dt="2022-02-23T18:30:59.813" v="11523" actId="790"/>
          <ac:spMkLst>
            <pc:docMk/>
            <pc:sldMk cId="3032936771" sldId="538"/>
            <ac:spMk id="73" creationId="{51402236-8658-4DEC-8AD6-941F82697182}"/>
          </ac:spMkLst>
        </pc:spChg>
        <pc:spChg chg="add mod">
          <ac:chgData name="Merve Turhan" userId="3594cd17-5953-4511-8d53-8cfc799250e7" providerId="ADAL" clId="{01E56475-575D-4CD2-B720-B8D0ED314503}" dt="2022-02-23T18:30:59.813" v="11524" actId="790"/>
          <ac:spMkLst>
            <pc:docMk/>
            <pc:sldMk cId="3032936771" sldId="538"/>
            <ac:spMk id="74" creationId="{93A8BB38-8459-429F-8151-D53597C664FA}"/>
          </ac:spMkLst>
        </pc:spChg>
        <pc:spChg chg="add mod">
          <ac:chgData name="Merve Turhan" userId="3594cd17-5953-4511-8d53-8cfc799250e7" providerId="ADAL" clId="{01E56475-575D-4CD2-B720-B8D0ED314503}" dt="2022-02-23T18:30:59.814" v="11525" actId="790"/>
          <ac:spMkLst>
            <pc:docMk/>
            <pc:sldMk cId="3032936771" sldId="538"/>
            <ac:spMk id="75" creationId="{DB4675AD-B091-4716-A605-E822DE480C25}"/>
          </ac:spMkLst>
        </pc:spChg>
        <pc:spChg chg="add mod">
          <ac:chgData name="Merve Turhan" userId="3594cd17-5953-4511-8d53-8cfc799250e7" providerId="ADAL" clId="{01E56475-575D-4CD2-B720-B8D0ED314503}" dt="2022-02-23T18:30:59.815" v="11526" actId="790"/>
          <ac:spMkLst>
            <pc:docMk/>
            <pc:sldMk cId="3032936771" sldId="538"/>
            <ac:spMk id="76" creationId="{FA67941E-C54A-4CDA-A3DF-4A2C85B6122D}"/>
          </ac:spMkLst>
        </pc:spChg>
        <pc:spChg chg="add mod">
          <ac:chgData name="Merve Turhan" userId="3594cd17-5953-4511-8d53-8cfc799250e7" providerId="ADAL" clId="{01E56475-575D-4CD2-B720-B8D0ED314503}" dt="2022-02-23T18:30:59.815" v="11527" actId="790"/>
          <ac:spMkLst>
            <pc:docMk/>
            <pc:sldMk cId="3032936771" sldId="538"/>
            <ac:spMk id="77" creationId="{A51453AE-2E98-4476-89DB-6FA242B69E45}"/>
          </ac:spMkLst>
        </pc:spChg>
        <pc:spChg chg="add mod">
          <ac:chgData name="Merve Turhan" userId="3594cd17-5953-4511-8d53-8cfc799250e7" providerId="ADAL" clId="{01E56475-575D-4CD2-B720-B8D0ED314503}" dt="2022-02-23T18:30:59.816" v="11528" actId="790"/>
          <ac:spMkLst>
            <pc:docMk/>
            <pc:sldMk cId="3032936771" sldId="538"/>
            <ac:spMk id="78" creationId="{13CB348D-E613-4C12-A300-81BC995DC3D7}"/>
          </ac:spMkLst>
        </pc:spChg>
        <pc:spChg chg="add mod">
          <ac:chgData name="Merve Turhan" userId="3594cd17-5953-4511-8d53-8cfc799250e7" providerId="ADAL" clId="{01E56475-575D-4CD2-B720-B8D0ED314503}" dt="2022-02-23T22:01:16.983" v="12607" actId="20577"/>
          <ac:spMkLst>
            <pc:docMk/>
            <pc:sldMk cId="3032936771" sldId="538"/>
            <ac:spMk id="79" creationId="{C5AD1967-F998-40D2-AA4B-170E2406EF0D}"/>
          </ac:spMkLst>
        </pc:spChg>
        <pc:spChg chg="add mod">
          <ac:chgData name="Merve Turhan" userId="3594cd17-5953-4511-8d53-8cfc799250e7" providerId="ADAL" clId="{01E56475-575D-4CD2-B720-B8D0ED314503}" dt="2022-02-23T18:30:59.818" v="11530" actId="790"/>
          <ac:spMkLst>
            <pc:docMk/>
            <pc:sldMk cId="3032936771" sldId="538"/>
            <ac:spMk id="81" creationId="{305BBA46-450F-4C9F-B5AA-A3AC1B6CF456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2" creationId="{663BAF3D-9C2F-444F-9ADC-7BCEDCA26AD4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3" creationId="{2D0CF501-B398-4608-ABD8-7B0A7A8E96FF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4" creationId="{1A267C14-8051-4A49-A9A9-B69B3C577367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5" creationId="{8F56CCE0-2326-4B86-BDBD-10EB1E957635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6" creationId="{409378B4-7556-4033-92EE-1C94193D91FB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7" creationId="{38FA8BAA-21FB-467E-BDFD-262C90AD60E3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8" creationId="{293A2C74-2878-4DCC-A527-CB6F6A019E01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0" creationId="{F4234AA6-6FB0-4174-878B-D6BD95363F0D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1" creationId="{AF053504-2608-4FBE-B3F0-A122B6646FAE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2" creationId="{67060B05-00DB-46E3-A75A-46F723BA9336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3" creationId="{0B8E2D2A-29B0-4AE4-B703-14DABBAEF46D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4" creationId="{9EC643FD-E8D5-44E3-BE10-77B4528354B7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5" creationId="{1BC69358-F602-4015-978C-037DBA657CDF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6" creationId="{D81FFD10-17D9-477C-A3A2-E1F2D369FEC9}"/>
          </ac:spMkLst>
        </pc:spChg>
        <pc:spChg chg="add mod">
          <ac:chgData name="Merve Turhan" userId="3594cd17-5953-4511-8d53-8cfc799250e7" providerId="ADAL" clId="{01E56475-575D-4CD2-B720-B8D0ED314503}" dt="2022-02-23T18:30:59.819" v="11531" actId="790"/>
          <ac:spMkLst>
            <pc:docMk/>
            <pc:sldMk cId="3032936771" sldId="538"/>
            <ac:spMk id="99" creationId="{06491036-C714-42E8-8B39-1FB85E1CB020}"/>
          </ac:spMkLst>
        </pc:spChg>
        <pc:spChg chg="add mod">
          <ac:chgData name="Merve Turhan" userId="3594cd17-5953-4511-8d53-8cfc799250e7" providerId="ADAL" clId="{01E56475-575D-4CD2-B720-B8D0ED314503}" dt="2022-02-23T18:30:59.820" v="11532" actId="790"/>
          <ac:spMkLst>
            <pc:docMk/>
            <pc:sldMk cId="3032936771" sldId="538"/>
            <ac:spMk id="100" creationId="{822AECA4-DAD0-4198-99F3-CBFA26F40853}"/>
          </ac:spMkLst>
        </pc:spChg>
        <pc:spChg chg="add mod">
          <ac:chgData name="Merve Turhan" userId="3594cd17-5953-4511-8d53-8cfc799250e7" providerId="ADAL" clId="{01E56475-575D-4CD2-B720-B8D0ED314503}" dt="2022-02-23T18:30:59.820" v="11533" actId="790"/>
          <ac:spMkLst>
            <pc:docMk/>
            <pc:sldMk cId="3032936771" sldId="538"/>
            <ac:spMk id="101" creationId="{D49F67E2-7E79-4211-8F27-87269E8B21A3}"/>
          </ac:spMkLst>
        </pc:spChg>
        <pc:spChg chg="add mod">
          <ac:chgData name="Merve Turhan" userId="3594cd17-5953-4511-8d53-8cfc799250e7" providerId="ADAL" clId="{01E56475-575D-4CD2-B720-B8D0ED314503}" dt="2022-02-23T18:30:59.821" v="11534" actId="790"/>
          <ac:spMkLst>
            <pc:docMk/>
            <pc:sldMk cId="3032936771" sldId="538"/>
            <ac:spMk id="102" creationId="{860DC308-56D0-41BE-BE7A-865EDDB5DCC3}"/>
          </ac:spMkLst>
        </pc:spChg>
        <pc:spChg chg="add mod">
          <ac:chgData name="Merve Turhan" userId="3594cd17-5953-4511-8d53-8cfc799250e7" providerId="ADAL" clId="{01E56475-575D-4CD2-B720-B8D0ED314503}" dt="2022-02-23T18:30:59.822" v="11535" actId="790"/>
          <ac:spMkLst>
            <pc:docMk/>
            <pc:sldMk cId="3032936771" sldId="538"/>
            <ac:spMk id="103" creationId="{C74D40A1-B3F4-45C4-AC63-FC84ACC0CAF1}"/>
          </ac:spMkLst>
        </pc:spChg>
        <pc:spChg chg="add mod">
          <ac:chgData name="Merve Turhan" userId="3594cd17-5953-4511-8d53-8cfc799250e7" providerId="ADAL" clId="{01E56475-575D-4CD2-B720-B8D0ED314503}" dt="2022-02-23T18:30:59.823" v="11536" actId="790"/>
          <ac:spMkLst>
            <pc:docMk/>
            <pc:sldMk cId="3032936771" sldId="538"/>
            <ac:spMk id="104" creationId="{700DCF43-419C-4829-B3F5-1998E59923EB}"/>
          </ac:spMkLst>
        </pc:spChg>
        <pc:spChg chg="add del mod">
          <ac:chgData name="Merve Turhan" userId="3594cd17-5953-4511-8d53-8cfc799250e7" providerId="ADAL" clId="{01E56475-575D-4CD2-B720-B8D0ED314503}" dt="2022-02-22T06:14:55.985" v="5913" actId="478"/>
          <ac:spMkLst>
            <pc:docMk/>
            <pc:sldMk cId="3032936771" sldId="538"/>
            <ac:spMk id="105" creationId="{B6F45AB3-6F31-488C-9FF4-63EC2648D284}"/>
          </ac:spMkLst>
        </pc:spChg>
        <pc:spChg chg="add mod">
          <ac:chgData name="Merve Turhan" userId="3594cd17-5953-4511-8d53-8cfc799250e7" providerId="ADAL" clId="{01E56475-575D-4CD2-B720-B8D0ED314503}" dt="2022-02-23T18:30:59.824" v="11537" actId="790"/>
          <ac:spMkLst>
            <pc:docMk/>
            <pc:sldMk cId="3032936771" sldId="538"/>
            <ac:spMk id="111" creationId="{02F75D57-1115-4D3D-A81A-40EC4A42256F}"/>
          </ac:spMkLst>
        </pc:spChg>
        <pc:spChg chg="add mod">
          <ac:chgData name="Merve Turhan" userId="3594cd17-5953-4511-8d53-8cfc799250e7" providerId="ADAL" clId="{01E56475-575D-4CD2-B720-B8D0ED314503}" dt="2022-02-23T18:30:59.825" v="11538" actId="790"/>
          <ac:spMkLst>
            <pc:docMk/>
            <pc:sldMk cId="3032936771" sldId="538"/>
            <ac:spMk id="112" creationId="{D85C3119-65D5-4646-B16C-577670C9553F}"/>
          </ac:spMkLst>
        </pc:spChg>
        <pc:spChg chg="add mod">
          <ac:chgData name="Merve Turhan" userId="3594cd17-5953-4511-8d53-8cfc799250e7" providerId="ADAL" clId="{01E56475-575D-4CD2-B720-B8D0ED314503}" dt="2022-02-23T18:30:59.825" v="11539" actId="790"/>
          <ac:spMkLst>
            <pc:docMk/>
            <pc:sldMk cId="3032936771" sldId="538"/>
            <ac:spMk id="113" creationId="{B40F52AB-1E77-4AE3-BEAA-3BD36FC5F988}"/>
          </ac:spMkLst>
        </pc:spChg>
        <pc:spChg chg="add mod">
          <ac:chgData name="Merve Turhan" userId="3594cd17-5953-4511-8d53-8cfc799250e7" providerId="ADAL" clId="{01E56475-575D-4CD2-B720-B8D0ED314503}" dt="2022-02-23T18:30:59.826" v="11540" actId="790"/>
          <ac:spMkLst>
            <pc:docMk/>
            <pc:sldMk cId="3032936771" sldId="538"/>
            <ac:spMk id="114" creationId="{1826A565-D733-4904-A0A1-8B46F7461865}"/>
          </ac:spMkLst>
        </pc:spChg>
        <pc:spChg chg="add mod">
          <ac:chgData name="Merve Turhan" userId="3594cd17-5953-4511-8d53-8cfc799250e7" providerId="ADAL" clId="{01E56475-575D-4CD2-B720-B8D0ED314503}" dt="2022-02-23T18:30:59.827" v="11541" actId="790"/>
          <ac:spMkLst>
            <pc:docMk/>
            <pc:sldMk cId="3032936771" sldId="538"/>
            <ac:spMk id="115" creationId="{E3F9E309-749F-4720-B3A4-D6AF8351EF52}"/>
          </ac:spMkLst>
        </pc:spChg>
        <pc:spChg chg="add mod">
          <ac:chgData name="Merve Turhan" userId="3594cd17-5953-4511-8d53-8cfc799250e7" providerId="ADAL" clId="{01E56475-575D-4CD2-B720-B8D0ED314503}" dt="2022-02-23T18:30:59.828" v="11542" actId="790"/>
          <ac:spMkLst>
            <pc:docMk/>
            <pc:sldMk cId="3032936771" sldId="538"/>
            <ac:spMk id="116" creationId="{8AE408C5-ECB7-4A83-9B73-D93E3B845541}"/>
          </ac:spMkLst>
        </pc:spChg>
        <pc:spChg chg="add mod">
          <ac:chgData name="Merve Turhan" userId="3594cd17-5953-4511-8d53-8cfc799250e7" providerId="ADAL" clId="{01E56475-575D-4CD2-B720-B8D0ED314503}" dt="2022-02-23T18:30:59.829" v="11543" actId="790"/>
          <ac:spMkLst>
            <pc:docMk/>
            <pc:sldMk cId="3032936771" sldId="538"/>
            <ac:spMk id="117" creationId="{66ED6B09-73C8-46F6-A309-49543B6C59B2}"/>
          </ac:spMkLst>
        </pc:spChg>
        <pc:spChg chg="add mod">
          <ac:chgData name="Merve Turhan" userId="3594cd17-5953-4511-8d53-8cfc799250e7" providerId="ADAL" clId="{01E56475-575D-4CD2-B720-B8D0ED314503}" dt="2022-02-23T18:30:59.830" v="11544" actId="790"/>
          <ac:spMkLst>
            <pc:docMk/>
            <pc:sldMk cId="3032936771" sldId="538"/>
            <ac:spMk id="118" creationId="{A26DAF52-6537-46ED-A364-51F3E303C656}"/>
          </ac:spMkLst>
        </pc:spChg>
        <pc:spChg chg="add mod">
          <ac:chgData name="Merve Turhan" userId="3594cd17-5953-4511-8d53-8cfc799250e7" providerId="ADAL" clId="{01E56475-575D-4CD2-B720-B8D0ED314503}" dt="2022-02-23T18:30:59.831" v="11545" actId="790"/>
          <ac:spMkLst>
            <pc:docMk/>
            <pc:sldMk cId="3032936771" sldId="538"/>
            <ac:spMk id="119" creationId="{C1235757-1A9B-4633-A952-45FF49E580C1}"/>
          </ac:spMkLst>
        </pc:spChg>
        <pc:cxnChg chg="add mod">
          <ac:chgData name="Merve Turhan" userId="3594cd17-5953-4511-8d53-8cfc799250e7" providerId="ADAL" clId="{01E56475-575D-4CD2-B720-B8D0ED314503}" dt="2022-02-22T09:04:18.569" v="7968" actId="1076"/>
          <ac:cxnSpMkLst>
            <pc:docMk/>
            <pc:sldMk cId="3032936771" sldId="538"/>
            <ac:cxnSpMk id="41" creationId="{8EBA4B71-D760-4E68-B93E-B5F87CD4CAEE}"/>
          </ac:cxnSpMkLst>
        </pc:cxnChg>
        <pc:cxnChg chg="add del mod">
          <ac:chgData name="Merve Turhan" userId="3594cd17-5953-4511-8d53-8cfc799250e7" providerId="ADAL" clId="{01E56475-575D-4CD2-B720-B8D0ED314503}" dt="2022-02-22T05:41:33.716" v="5812"/>
          <ac:cxnSpMkLst>
            <pc:docMk/>
            <pc:sldMk cId="3032936771" sldId="538"/>
            <ac:cxnSpMk id="50" creationId="{3525C9FE-9A8B-451A-9877-3F81D6A48312}"/>
          </ac:cxnSpMkLst>
        </pc:cxnChg>
        <pc:cxnChg chg="add del mod">
          <ac:chgData name="Merve Turhan" userId="3594cd17-5953-4511-8d53-8cfc799250e7" providerId="ADAL" clId="{01E56475-575D-4CD2-B720-B8D0ED314503}" dt="2022-02-22T06:09:09.622" v="5840" actId="478"/>
          <ac:cxnSpMkLst>
            <pc:docMk/>
            <pc:sldMk cId="3032936771" sldId="538"/>
            <ac:cxnSpMk id="59" creationId="{19D10C08-82B8-4202-80E2-4BEC8CE5A9B2}"/>
          </ac:cxnSpMkLst>
        </pc:cxnChg>
        <pc:cxnChg chg="add del mod">
          <ac:chgData name="Merve Turhan" userId="3594cd17-5953-4511-8d53-8cfc799250e7" providerId="ADAL" clId="{01E56475-575D-4CD2-B720-B8D0ED314503}" dt="2022-02-22T06:14:12.439" v="5906" actId="478"/>
          <ac:cxnSpMkLst>
            <pc:docMk/>
            <pc:sldMk cId="3032936771" sldId="538"/>
            <ac:cxnSpMk id="67" creationId="{6905340D-EF80-48C7-A6C4-5A1C231B5C90}"/>
          </ac:cxnSpMkLst>
        </pc:cxnChg>
        <pc:cxnChg chg="add mod">
          <ac:chgData name="Merve Turhan" userId="3594cd17-5953-4511-8d53-8cfc799250e7" providerId="ADAL" clId="{01E56475-575D-4CD2-B720-B8D0ED314503}" dt="2022-02-22T06:17:09.934" v="5932" actId="1076"/>
          <ac:cxnSpMkLst>
            <pc:docMk/>
            <pc:sldMk cId="3032936771" sldId="538"/>
            <ac:cxnSpMk id="80" creationId="{80D8EE4D-925F-4CBC-A079-7E20130569C3}"/>
          </ac:cxnSpMkLst>
        </pc:cxnChg>
        <pc:cxnChg chg="add del mod">
          <ac:chgData name="Merve Turhan" userId="3594cd17-5953-4511-8d53-8cfc799250e7" providerId="ADAL" clId="{01E56475-575D-4CD2-B720-B8D0ED314503}" dt="2022-02-22T06:14:44.054" v="5910"/>
          <ac:cxnSpMkLst>
            <pc:docMk/>
            <pc:sldMk cId="3032936771" sldId="538"/>
            <ac:cxnSpMk id="89" creationId="{3483E6F2-7A3C-43AA-AE2C-7A452DEBD251}"/>
          </ac:cxnSpMkLst>
        </pc:cxnChg>
        <pc:cxnChg chg="add del mod">
          <ac:chgData name="Merve Turhan" userId="3594cd17-5953-4511-8d53-8cfc799250e7" providerId="ADAL" clId="{01E56475-575D-4CD2-B720-B8D0ED314503}" dt="2022-02-22T06:14:44.054" v="5910"/>
          <ac:cxnSpMkLst>
            <pc:docMk/>
            <pc:sldMk cId="3032936771" sldId="538"/>
            <ac:cxnSpMk id="97" creationId="{BCF71BC9-E9CF-4206-8F05-8AA333B87565}"/>
          </ac:cxnSpMkLst>
        </pc:cxnChg>
        <pc:cxnChg chg="add del mod">
          <ac:chgData name="Merve Turhan" userId="3594cd17-5953-4511-8d53-8cfc799250e7" providerId="ADAL" clId="{01E56475-575D-4CD2-B720-B8D0ED314503}" dt="2022-02-22T06:15:06.224" v="5916" actId="478"/>
          <ac:cxnSpMkLst>
            <pc:docMk/>
            <pc:sldMk cId="3032936771" sldId="538"/>
            <ac:cxnSpMk id="106" creationId="{8BCD691E-BD6A-40D3-97B8-A3686A6F3AB3}"/>
          </ac:cxnSpMkLst>
        </pc:cxnChg>
        <pc:cxnChg chg="add mod">
          <ac:chgData name="Merve Turhan" userId="3594cd17-5953-4511-8d53-8cfc799250e7" providerId="ADAL" clId="{01E56475-575D-4CD2-B720-B8D0ED314503}" dt="2022-02-22T06:17:03.590" v="5931" actId="1076"/>
          <ac:cxnSpMkLst>
            <pc:docMk/>
            <pc:sldMk cId="3032936771" sldId="538"/>
            <ac:cxnSpMk id="110" creationId="{1D4DCB12-C917-4B05-987E-3FA1B63DD035}"/>
          </ac:cxnSpMkLst>
        </pc:cxnChg>
      </pc:sldChg>
      <pc:sldChg chg="addSp delSp modSp new add del mod modAnim">
        <pc:chgData name="Merve Turhan" userId="3594cd17-5953-4511-8d53-8cfc799250e7" providerId="ADAL" clId="{01E56475-575D-4CD2-B720-B8D0ED314503}" dt="2022-02-23T18:30:59.723" v="11399"/>
        <pc:sldMkLst>
          <pc:docMk/>
          <pc:sldMk cId="2892264309" sldId="539"/>
        </pc:sldMkLst>
        <pc:spChg chg="mod">
          <ac:chgData name="Merve Turhan" userId="3594cd17-5953-4511-8d53-8cfc799250e7" providerId="ADAL" clId="{01E56475-575D-4CD2-B720-B8D0ED314503}" dt="2022-02-23T18:30:59.721" v="11395" actId="790"/>
          <ac:spMkLst>
            <pc:docMk/>
            <pc:sldMk cId="2892264309" sldId="539"/>
            <ac:spMk id="2" creationId="{585734A3-2D83-4583-BB70-FB7D4792311D}"/>
          </ac:spMkLst>
        </pc:spChg>
        <pc:spChg chg="del">
          <ac:chgData name="Merve Turhan" userId="3594cd17-5953-4511-8d53-8cfc799250e7" providerId="ADAL" clId="{01E56475-575D-4CD2-B720-B8D0ED314503}" dt="2022-02-21T19:26:27.015" v="2516" actId="478"/>
          <ac:spMkLst>
            <pc:docMk/>
            <pc:sldMk cId="2892264309" sldId="539"/>
            <ac:spMk id="3" creationId="{CAED5FCF-2152-4137-A5C6-7BD30E9BB44D}"/>
          </ac:spMkLst>
        </pc:spChg>
        <pc:spChg chg="add mod">
          <ac:chgData name="Merve Turhan" userId="3594cd17-5953-4511-8d53-8cfc799250e7" providerId="ADAL" clId="{01E56475-575D-4CD2-B720-B8D0ED314503}" dt="2022-02-23T18:30:59.722" v="11396" actId="790"/>
          <ac:spMkLst>
            <pc:docMk/>
            <pc:sldMk cId="2892264309" sldId="539"/>
            <ac:spMk id="6" creationId="{41B7A93F-87A6-4C7B-BB5A-89757BA1A568}"/>
          </ac:spMkLst>
        </pc:spChg>
        <pc:spChg chg="add mod">
          <ac:chgData name="Merve Turhan" userId="3594cd17-5953-4511-8d53-8cfc799250e7" providerId="ADAL" clId="{01E56475-575D-4CD2-B720-B8D0ED314503}" dt="2022-02-23T18:30:59.722" v="11397" actId="790"/>
          <ac:spMkLst>
            <pc:docMk/>
            <pc:sldMk cId="2892264309" sldId="539"/>
            <ac:spMk id="7" creationId="{E24756D4-8135-4741-B3EA-5AF686A60A98}"/>
          </ac:spMkLst>
        </pc:spChg>
        <pc:spChg chg="add mod">
          <ac:chgData name="Merve Turhan" userId="3594cd17-5953-4511-8d53-8cfc799250e7" providerId="ADAL" clId="{01E56475-575D-4CD2-B720-B8D0ED314503}" dt="2022-02-23T18:30:59.723" v="11398"/>
          <ac:spMkLst>
            <pc:docMk/>
            <pc:sldMk cId="2892264309" sldId="539"/>
            <ac:spMk id="8" creationId="{0F857DFE-2EFE-4A13-89EF-8B3A57D46F36}"/>
          </ac:spMkLst>
        </pc:spChg>
        <pc:spChg chg="add mod">
          <ac:chgData name="Merve Turhan" userId="3594cd17-5953-4511-8d53-8cfc799250e7" providerId="ADAL" clId="{01E56475-575D-4CD2-B720-B8D0ED314503}" dt="2022-02-23T18:30:59.723" v="11399"/>
          <ac:spMkLst>
            <pc:docMk/>
            <pc:sldMk cId="2892264309" sldId="539"/>
            <ac:spMk id="9" creationId="{216D8602-3DBE-4ADC-B272-247184D2EAE6}"/>
          </ac:spMkLst>
        </pc:spChg>
        <pc:spChg chg="add mod">
          <ac:chgData name="Merve Turhan" userId="3594cd17-5953-4511-8d53-8cfc799250e7" providerId="ADAL" clId="{01E56475-575D-4CD2-B720-B8D0ED314503}" dt="2022-02-21T20:14:20.858" v="3145" actId="571"/>
          <ac:spMkLst>
            <pc:docMk/>
            <pc:sldMk cId="2892264309" sldId="539"/>
            <ac:spMk id="10" creationId="{32649190-95AC-4CC4-A34B-6C826489E7A9}"/>
          </ac:spMkLst>
        </pc:spChg>
        <pc:spChg chg="add mod">
          <ac:chgData name="Merve Turhan" userId="3594cd17-5953-4511-8d53-8cfc799250e7" providerId="ADAL" clId="{01E56475-575D-4CD2-B720-B8D0ED314503}" dt="2022-02-21T20:14:20.858" v="3145" actId="571"/>
          <ac:spMkLst>
            <pc:docMk/>
            <pc:sldMk cId="2892264309" sldId="539"/>
            <ac:spMk id="11" creationId="{BA54CC32-B896-4E08-A3E0-0BDE4A0D21C0}"/>
          </ac:spMkLst>
        </pc:spChg>
        <pc:picChg chg="add mod">
          <ac:chgData name="Merve Turhan" userId="3594cd17-5953-4511-8d53-8cfc799250e7" providerId="ADAL" clId="{01E56475-575D-4CD2-B720-B8D0ED314503}" dt="2022-02-21T19:42:10.951" v="2706" actId="1076"/>
          <ac:picMkLst>
            <pc:docMk/>
            <pc:sldMk cId="2892264309" sldId="539"/>
            <ac:picMk id="5" creationId="{ED24D716-CB42-4C49-B520-07A2DE8079AF}"/>
          </ac:picMkLst>
        </pc:picChg>
      </pc:sldChg>
      <pc:sldChg chg="addSp delSp modSp add mod modNotesTx">
        <pc:chgData name="Merve Turhan" userId="3594cd17-5953-4511-8d53-8cfc799250e7" providerId="ADAL" clId="{01E56475-575D-4CD2-B720-B8D0ED314503}" dt="2022-02-23T21:11:50.147" v="12505" actId="20577"/>
        <pc:sldMkLst>
          <pc:docMk/>
          <pc:sldMk cId="1598766672" sldId="540"/>
        </pc:sldMkLst>
        <pc:spChg chg="mod">
          <ac:chgData name="Merve Turhan" userId="3594cd17-5953-4511-8d53-8cfc799250e7" providerId="ADAL" clId="{01E56475-575D-4CD2-B720-B8D0ED314503}" dt="2022-02-23T18:30:59.723" v="11400" actId="790"/>
          <ac:spMkLst>
            <pc:docMk/>
            <pc:sldMk cId="1598766672" sldId="540"/>
            <ac:spMk id="2" creationId="{585734A3-2D83-4583-BB70-FB7D4792311D}"/>
          </ac:spMkLst>
        </pc:spChg>
        <pc:spChg chg="del">
          <ac:chgData name="Merve Turhan" userId="3594cd17-5953-4511-8d53-8cfc799250e7" providerId="ADAL" clId="{01E56475-575D-4CD2-B720-B8D0ED314503}" dt="2022-02-21T20:16:14.435" v="3152" actId="478"/>
          <ac:spMkLst>
            <pc:docMk/>
            <pc:sldMk cId="1598766672" sldId="540"/>
            <ac:spMk id="6" creationId="{41B7A93F-87A6-4C7B-BB5A-89757BA1A568}"/>
          </ac:spMkLst>
        </pc:spChg>
        <pc:spChg chg="mod">
          <ac:chgData name="Merve Turhan" userId="3594cd17-5953-4511-8d53-8cfc799250e7" providerId="ADAL" clId="{01E56475-575D-4CD2-B720-B8D0ED314503}" dt="2022-02-23T18:30:59.724" v="11401" actId="790"/>
          <ac:spMkLst>
            <pc:docMk/>
            <pc:sldMk cId="1598766672" sldId="540"/>
            <ac:spMk id="7" creationId="{E24756D4-8135-4741-B3EA-5AF686A60A98}"/>
          </ac:spMkLst>
        </pc:spChg>
        <pc:spChg chg="mod">
          <ac:chgData name="Merve Turhan" userId="3594cd17-5953-4511-8d53-8cfc799250e7" providerId="ADAL" clId="{01E56475-575D-4CD2-B720-B8D0ED314503}" dt="2022-02-23T21:11:50.147" v="12505" actId="20577"/>
          <ac:spMkLst>
            <pc:docMk/>
            <pc:sldMk cId="1598766672" sldId="540"/>
            <ac:spMk id="8" creationId="{0F857DFE-2EFE-4A13-89EF-8B3A57D46F36}"/>
          </ac:spMkLst>
        </pc:spChg>
        <pc:spChg chg="del">
          <ac:chgData name="Merve Turhan" userId="3594cd17-5953-4511-8d53-8cfc799250e7" providerId="ADAL" clId="{01E56475-575D-4CD2-B720-B8D0ED314503}" dt="2022-02-21T20:16:15.478" v="3153" actId="478"/>
          <ac:spMkLst>
            <pc:docMk/>
            <pc:sldMk cId="1598766672" sldId="540"/>
            <ac:spMk id="9" creationId="{216D8602-3DBE-4ADC-B272-247184D2EAE6}"/>
          </ac:spMkLst>
        </pc:spChg>
        <pc:picChg chg="add mod">
          <ac:chgData name="Merve Turhan" userId="3594cd17-5953-4511-8d53-8cfc799250e7" providerId="ADAL" clId="{01E56475-575D-4CD2-B720-B8D0ED314503}" dt="2022-02-21T20:16:20.011" v="3154" actId="1076"/>
          <ac:picMkLst>
            <pc:docMk/>
            <pc:sldMk cId="1598766672" sldId="540"/>
            <ac:picMk id="4" creationId="{497D7D8E-99E3-4E6C-9D41-E89A37301FB3}"/>
          </ac:picMkLst>
        </pc:picChg>
        <pc:picChg chg="del">
          <ac:chgData name="Merve Turhan" userId="3594cd17-5953-4511-8d53-8cfc799250e7" providerId="ADAL" clId="{01E56475-575D-4CD2-B720-B8D0ED314503}" dt="2022-02-21T20:16:12.319" v="3151" actId="478"/>
          <ac:picMkLst>
            <pc:docMk/>
            <pc:sldMk cId="1598766672" sldId="540"/>
            <ac:picMk id="5" creationId="{ED24D716-CB42-4C49-B520-07A2DE8079AF}"/>
          </ac:picMkLst>
        </pc:picChg>
      </pc:sldChg>
      <pc:sldChg chg="add del">
        <pc:chgData name="Merve Turhan" userId="3594cd17-5953-4511-8d53-8cfc799250e7" providerId="ADAL" clId="{01E56475-575D-4CD2-B720-B8D0ED314503}" dt="2022-02-21T19:49:14.147" v="2812"/>
        <pc:sldMkLst>
          <pc:docMk/>
          <pc:sldMk cId="3738640956" sldId="540"/>
        </pc:sldMkLst>
      </pc:sldChg>
      <pc:sldChg chg="add del">
        <pc:chgData name="Merve Turhan" userId="3594cd17-5953-4511-8d53-8cfc799250e7" providerId="ADAL" clId="{01E56475-575D-4CD2-B720-B8D0ED314503}" dt="2022-02-21T19:49:13.251" v="2811"/>
        <pc:sldMkLst>
          <pc:docMk/>
          <pc:sldMk cId="1118341640" sldId="541"/>
        </pc:sldMkLst>
      </pc:sldChg>
      <pc:sldChg chg="addSp delSp modSp add mod addAnim delAnim modAnim">
        <pc:chgData name="Merve Turhan" userId="3594cd17-5953-4511-8d53-8cfc799250e7" providerId="ADAL" clId="{01E56475-575D-4CD2-B720-B8D0ED314503}" dt="2022-02-23T21:27:49.510" v="12544" actId="1076"/>
        <pc:sldMkLst>
          <pc:docMk/>
          <pc:sldMk cId="2918085937" sldId="541"/>
        </pc:sldMkLst>
        <pc:spChg chg="mod">
          <ac:chgData name="Merve Turhan" userId="3594cd17-5953-4511-8d53-8cfc799250e7" providerId="ADAL" clId="{01E56475-575D-4CD2-B720-B8D0ED314503}" dt="2022-02-23T18:30:59.725" v="11403"/>
          <ac:spMkLst>
            <pc:docMk/>
            <pc:sldMk cId="2918085937" sldId="541"/>
            <ac:spMk id="2" creationId="{585734A3-2D83-4583-BB70-FB7D4792311D}"/>
          </ac:spMkLst>
        </pc:spChg>
        <pc:spChg chg="mod">
          <ac:chgData name="Merve Turhan" userId="3594cd17-5953-4511-8d53-8cfc799250e7" providerId="ADAL" clId="{01E56475-575D-4CD2-B720-B8D0ED314503}" dt="2022-02-23T18:30:59.726" v="11404"/>
          <ac:spMkLst>
            <pc:docMk/>
            <pc:sldMk cId="2918085937" sldId="541"/>
            <ac:spMk id="6" creationId="{41B7A93F-87A6-4C7B-BB5A-89757BA1A568}"/>
          </ac:spMkLst>
        </pc:spChg>
        <pc:spChg chg="mod">
          <ac:chgData name="Merve Turhan" userId="3594cd17-5953-4511-8d53-8cfc799250e7" providerId="ADAL" clId="{01E56475-575D-4CD2-B720-B8D0ED314503}" dt="2022-02-23T18:30:59.726" v="11405"/>
          <ac:spMkLst>
            <pc:docMk/>
            <pc:sldMk cId="2918085937" sldId="541"/>
            <ac:spMk id="7" creationId="{E24756D4-8135-4741-B3EA-5AF686A60A98}"/>
          </ac:spMkLst>
        </pc:spChg>
        <pc:spChg chg="mod">
          <ac:chgData name="Merve Turhan" userId="3594cd17-5953-4511-8d53-8cfc799250e7" providerId="ADAL" clId="{01E56475-575D-4CD2-B720-B8D0ED314503}" dt="2022-02-23T18:30:59.726" v="11406"/>
          <ac:spMkLst>
            <pc:docMk/>
            <pc:sldMk cId="2918085937" sldId="541"/>
            <ac:spMk id="8" creationId="{0F857DFE-2EFE-4A13-89EF-8B3A57D46F36}"/>
          </ac:spMkLst>
        </pc:spChg>
        <pc:spChg chg="del">
          <ac:chgData name="Merve Turhan" userId="3594cd17-5953-4511-8d53-8cfc799250e7" providerId="ADAL" clId="{01E56475-575D-4CD2-B720-B8D0ED314503}" dt="2022-02-21T19:52:42.641" v="2842" actId="478"/>
          <ac:spMkLst>
            <pc:docMk/>
            <pc:sldMk cId="2918085937" sldId="541"/>
            <ac:spMk id="9" creationId="{216D8602-3DBE-4ADC-B272-247184D2EAE6}"/>
          </ac:spMkLst>
        </pc:spChg>
        <pc:spChg chg="add del mod">
          <ac:chgData name="Merve Turhan" userId="3594cd17-5953-4511-8d53-8cfc799250e7" providerId="ADAL" clId="{01E56475-575D-4CD2-B720-B8D0ED314503}" dt="2022-02-21T20:04:16.888" v="3071" actId="478"/>
          <ac:spMkLst>
            <pc:docMk/>
            <pc:sldMk cId="2918085937" sldId="541"/>
            <ac:spMk id="11" creationId="{BAB1DDE2-64D6-4DFB-946F-40324B3C518D}"/>
          </ac:spMkLst>
        </pc:spChg>
        <pc:spChg chg="add mod">
          <ac:chgData name="Merve Turhan" userId="3594cd17-5953-4511-8d53-8cfc799250e7" providerId="ADAL" clId="{01E56475-575D-4CD2-B720-B8D0ED314503}" dt="2022-02-23T18:30:59.727" v="11407"/>
          <ac:spMkLst>
            <pc:docMk/>
            <pc:sldMk cId="2918085937" sldId="541"/>
            <ac:spMk id="12" creationId="{61FE4F9A-E9B9-439F-ACA4-3A199F30C44D}"/>
          </ac:spMkLst>
        </pc:spChg>
        <pc:spChg chg="add mod">
          <ac:chgData name="Merve Turhan" userId="3594cd17-5953-4511-8d53-8cfc799250e7" providerId="ADAL" clId="{01E56475-575D-4CD2-B720-B8D0ED314503}" dt="2022-02-23T18:30:59.727" v="11408"/>
          <ac:spMkLst>
            <pc:docMk/>
            <pc:sldMk cId="2918085937" sldId="541"/>
            <ac:spMk id="13" creationId="{97477C4D-AD67-47A8-AC04-164898060756}"/>
          </ac:spMkLst>
        </pc:spChg>
        <pc:spChg chg="add mod">
          <ac:chgData name="Merve Turhan" userId="3594cd17-5953-4511-8d53-8cfc799250e7" providerId="ADAL" clId="{01E56475-575D-4CD2-B720-B8D0ED314503}" dt="2022-02-23T18:30:59.727" v="11409"/>
          <ac:spMkLst>
            <pc:docMk/>
            <pc:sldMk cId="2918085937" sldId="541"/>
            <ac:spMk id="14" creationId="{B9D52A55-CCEE-4230-AFDE-593D58B4C8B9}"/>
          </ac:spMkLst>
        </pc:spChg>
        <pc:spChg chg="add mod">
          <ac:chgData name="Merve Turhan" userId="3594cd17-5953-4511-8d53-8cfc799250e7" providerId="ADAL" clId="{01E56475-575D-4CD2-B720-B8D0ED314503}" dt="2022-02-23T18:30:59.727" v="11410"/>
          <ac:spMkLst>
            <pc:docMk/>
            <pc:sldMk cId="2918085937" sldId="541"/>
            <ac:spMk id="15" creationId="{CBC6CD6B-85CA-4378-9569-2F5D72D40839}"/>
          </ac:spMkLst>
        </pc:spChg>
        <pc:spChg chg="add mod">
          <ac:chgData name="Merve Turhan" userId="3594cd17-5953-4511-8d53-8cfc799250e7" providerId="ADAL" clId="{01E56475-575D-4CD2-B720-B8D0ED314503}" dt="2022-02-23T18:30:59.728" v="11411"/>
          <ac:spMkLst>
            <pc:docMk/>
            <pc:sldMk cId="2918085937" sldId="541"/>
            <ac:spMk id="16" creationId="{010D08B3-DCFA-4217-B949-3C4AA224C4E9}"/>
          </ac:spMkLst>
        </pc:spChg>
        <pc:spChg chg="add mod">
          <ac:chgData name="Merve Turhan" userId="3594cd17-5953-4511-8d53-8cfc799250e7" providerId="ADAL" clId="{01E56475-575D-4CD2-B720-B8D0ED314503}" dt="2022-02-23T18:30:59.728" v="11412"/>
          <ac:spMkLst>
            <pc:docMk/>
            <pc:sldMk cId="2918085937" sldId="541"/>
            <ac:spMk id="17" creationId="{A7C16F4B-1B94-49EE-A2FD-F0C0C75A88DA}"/>
          </ac:spMkLst>
        </pc:spChg>
        <pc:spChg chg="add mod">
          <ac:chgData name="Merve Turhan" userId="3594cd17-5953-4511-8d53-8cfc799250e7" providerId="ADAL" clId="{01E56475-575D-4CD2-B720-B8D0ED314503}" dt="2022-02-23T18:30:59.728" v="11413"/>
          <ac:spMkLst>
            <pc:docMk/>
            <pc:sldMk cId="2918085937" sldId="541"/>
            <ac:spMk id="18" creationId="{A6E4153B-8747-4F97-99AA-0D9A6EB54012}"/>
          </ac:spMkLst>
        </pc:spChg>
        <pc:spChg chg="add mod">
          <ac:chgData name="Merve Turhan" userId="3594cd17-5953-4511-8d53-8cfc799250e7" providerId="ADAL" clId="{01E56475-575D-4CD2-B720-B8D0ED314503}" dt="2022-02-23T18:30:59.728" v="11414"/>
          <ac:spMkLst>
            <pc:docMk/>
            <pc:sldMk cId="2918085937" sldId="541"/>
            <ac:spMk id="19" creationId="{A08DBD20-2634-46F3-B756-CFBA83402559}"/>
          </ac:spMkLst>
        </pc:spChg>
        <pc:spChg chg="add mod">
          <ac:chgData name="Merve Turhan" userId="3594cd17-5953-4511-8d53-8cfc799250e7" providerId="ADAL" clId="{01E56475-575D-4CD2-B720-B8D0ED314503}" dt="2022-02-23T18:30:59.729" v="11415"/>
          <ac:spMkLst>
            <pc:docMk/>
            <pc:sldMk cId="2918085937" sldId="541"/>
            <ac:spMk id="20" creationId="{1A7DA3C9-EE6C-49DD-B5B2-283465117A13}"/>
          </ac:spMkLst>
        </pc:spChg>
        <pc:spChg chg="add mod">
          <ac:chgData name="Merve Turhan" userId="3594cd17-5953-4511-8d53-8cfc799250e7" providerId="ADAL" clId="{01E56475-575D-4CD2-B720-B8D0ED314503}" dt="2022-02-23T18:30:59.729" v="11416"/>
          <ac:spMkLst>
            <pc:docMk/>
            <pc:sldMk cId="2918085937" sldId="541"/>
            <ac:spMk id="29" creationId="{411552AF-8CB5-4134-B691-D536D6119A27}"/>
          </ac:spMkLst>
        </pc:spChg>
        <pc:spChg chg="add mod">
          <ac:chgData name="Merve Turhan" userId="3594cd17-5953-4511-8d53-8cfc799250e7" providerId="ADAL" clId="{01E56475-575D-4CD2-B720-B8D0ED314503}" dt="2022-02-23T18:30:59.729" v="11417"/>
          <ac:spMkLst>
            <pc:docMk/>
            <pc:sldMk cId="2918085937" sldId="541"/>
            <ac:spMk id="30" creationId="{94E8C7CD-8F35-4BB0-BFAD-7C3884217BA4}"/>
          </ac:spMkLst>
        </pc:spChg>
        <pc:spChg chg="add mod">
          <ac:chgData name="Merve Turhan" userId="3594cd17-5953-4511-8d53-8cfc799250e7" providerId="ADAL" clId="{01E56475-575D-4CD2-B720-B8D0ED314503}" dt="2022-02-23T21:16:54.466" v="12518" actId="20577"/>
          <ac:spMkLst>
            <pc:docMk/>
            <pc:sldMk cId="2918085937" sldId="541"/>
            <ac:spMk id="31" creationId="{D3289834-BD5C-4476-B161-125E8A2E8763}"/>
          </ac:spMkLst>
        </pc:spChg>
        <pc:spChg chg="add mod">
          <ac:chgData name="Merve Turhan" userId="3594cd17-5953-4511-8d53-8cfc799250e7" providerId="ADAL" clId="{01E56475-575D-4CD2-B720-B8D0ED314503}" dt="2022-02-23T18:30:59.730" v="11419"/>
          <ac:spMkLst>
            <pc:docMk/>
            <pc:sldMk cId="2918085937" sldId="541"/>
            <ac:spMk id="32" creationId="{07D51B04-D118-416F-AC99-77B9962B5E08}"/>
          </ac:spMkLst>
        </pc:spChg>
        <pc:spChg chg="add mod">
          <ac:chgData name="Merve Turhan" userId="3594cd17-5953-4511-8d53-8cfc799250e7" providerId="ADAL" clId="{01E56475-575D-4CD2-B720-B8D0ED314503}" dt="2022-02-23T18:30:59.731" v="11420"/>
          <ac:spMkLst>
            <pc:docMk/>
            <pc:sldMk cId="2918085937" sldId="541"/>
            <ac:spMk id="33" creationId="{BF076E25-E9E8-4119-8AB0-730CDCE5EF2B}"/>
          </ac:spMkLst>
        </pc:spChg>
        <pc:spChg chg="add mod">
          <ac:chgData name="Merve Turhan" userId="3594cd17-5953-4511-8d53-8cfc799250e7" providerId="ADAL" clId="{01E56475-575D-4CD2-B720-B8D0ED314503}" dt="2022-02-23T21:14:36.721" v="12506" actId="14100"/>
          <ac:spMkLst>
            <pc:docMk/>
            <pc:sldMk cId="2918085937" sldId="541"/>
            <ac:spMk id="34" creationId="{078914D3-0D96-4804-A77B-AD1136AC03CB}"/>
          </ac:spMkLst>
        </pc:spChg>
        <pc:spChg chg="add mod">
          <ac:chgData name="Merve Turhan" userId="3594cd17-5953-4511-8d53-8cfc799250e7" providerId="ADAL" clId="{01E56475-575D-4CD2-B720-B8D0ED314503}" dt="2022-02-23T18:30:59.731" v="11422"/>
          <ac:spMkLst>
            <pc:docMk/>
            <pc:sldMk cId="2918085937" sldId="541"/>
            <ac:spMk id="36" creationId="{7636D3B0-36BE-4376-A6F9-AF45609BC9F8}"/>
          </ac:spMkLst>
        </pc:spChg>
        <pc:spChg chg="add mod">
          <ac:chgData name="Merve Turhan" userId="3594cd17-5953-4511-8d53-8cfc799250e7" providerId="ADAL" clId="{01E56475-575D-4CD2-B720-B8D0ED314503}" dt="2022-02-23T18:30:59.731" v="11423"/>
          <ac:spMkLst>
            <pc:docMk/>
            <pc:sldMk cId="2918085937" sldId="541"/>
            <ac:spMk id="40" creationId="{E2651A42-59D1-493D-A26D-EA30C629E584}"/>
          </ac:spMkLst>
        </pc:spChg>
        <pc:spChg chg="add mod">
          <ac:chgData name="Merve Turhan" userId="3594cd17-5953-4511-8d53-8cfc799250e7" providerId="ADAL" clId="{01E56475-575D-4CD2-B720-B8D0ED314503}" dt="2022-02-23T21:27:49.510" v="12544" actId="1076"/>
          <ac:spMkLst>
            <pc:docMk/>
            <pc:sldMk cId="2918085937" sldId="541"/>
            <ac:spMk id="41" creationId="{980DE667-62B4-497C-AB2E-11A830767156}"/>
          </ac:spMkLst>
        </pc:spChg>
        <pc:spChg chg="add mod">
          <ac:chgData name="Merve Turhan" userId="3594cd17-5953-4511-8d53-8cfc799250e7" providerId="ADAL" clId="{01E56475-575D-4CD2-B720-B8D0ED314503}" dt="2022-02-23T18:30:59.733" v="11430"/>
          <ac:spMkLst>
            <pc:docMk/>
            <pc:sldMk cId="2918085937" sldId="541"/>
            <ac:spMk id="42" creationId="{26B0443A-66E4-40EA-92A7-66F354D1EBCE}"/>
          </ac:spMkLst>
        </pc:spChg>
        <pc:spChg chg="add mod">
          <ac:chgData name="Merve Turhan" userId="3594cd17-5953-4511-8d53-8cfc799250e7" providerId="ADAL" clId="{01E56475-575D-4CD2-B720-B8D0ED314503}" dt="2022-02-23T18:30:59.732" v="11424"/>
          <ac:spMkLst>
            <pc:docMk/>
            <pc:sldMk cId="2918085937" sldId="541"/>
            <ac:spMk id="57" creationId="{F11962AC-7675-4ADC-B098-478FE35C965D}"/>
          </ac:spMkLst>
        </pc:spChg>
        <pc:spChg chg="add del mod">
          <ac:chgData name="Merve Turhan" userId="3594cd17-5953-4511-8d53-8cfc799250e7" providerId="ADAL" clId="{01E56475-575D-4CD2-B720-B8D0ED314503}" dt="2022-02-21T20:57:14.186" v="3375" actId="478"/>
          <ac:spMkLst>
            <pc:docMk/>
            <pc:sldMk cId="2918085937" sldId="541"/>
            <ac:spMk id="58" creationId="{2872CF03-F9CD-4D9E-8F5D-A37D9C1EB9E2}"/>
          </ac:spMkLst>
        </pc:spChg>
        <pc:spChg chg="add mod">
          <ac:chgData name="Merve Turhan" userId="3594cd17-5953-4511-8d53-8cfc799250e7" providerId="ADAL" clId="{01E56475-575D-4CD2-B720-B8D0ED314503}" dt="2022-02-23T18:30:59.732" v="11425"/>
          <ac:spMkLst>
            <pc:docMk/>
            <pc:sldMk cId="2918085937" sldId="541"/>
            <ac:spMk id="59" creationId="{F548E0F5-F8A3-4811-AD20-1446DF1944DB}"/>
          </ac:spMkLst>
        </pc:spChg>
        <pc:spChg chg="add mod">
          <ac:chgData name="Merve Turhan" userId="3594cd17-5953-4511-8d53-8cfc799250e7" providerId="ADAL" clId="{01E56475-575D-4CD2-B720-B8D0ED314503}" dt="2022-02-23T18:30:59.732" v="11426"/>
          <ac:spMkLst>
            <pc:docMk/>
            <pc:sldMk cId="2918085937" sldId="541"/>
            <ac:spMk id="60" creationId="{E17973A9-EFA6-48FA-B643-1E68A5FDC9E5}"/>
          </ac:spMkLst>
        </pc:spChg>
        <pc:spChg chg="add mod">
          <ac:chgData name="Merve Turhan" userId="3594cd17-5953-4511-8d53-8cfc799250e7" providerId="ADAL" clId="{01E56475-575D-4CD2-B720-B8D0ED314503}" dt="2022-02-23T18:30:59.733" v="11427"/>
          <ac:spMkLst>
            <pc:docMk/>
            <pc:sldMk cId="2918085937" sldId="541"/>
            <ac:spMk id="61" creationId="{D1180F26-D6A0-44F5-8E89-8B608C36A20E}"/>
          </ac:spMkLst>
        </pc:spChg>
        <pc:spChg chg="add del mod">
          <ac:chgData name="Merve Turhan" userId="3594cd17-5953-4511-8d53-8cfc799250e7" providerId="ADAL" clId="{01E56475-575D-4CD2-B720-B8D0ED314503}" dt="2022-02-23T18:30:59.733" v="11428"/>
          <ac:spMkLst>
            <pc:docMk/>
            <pc:sldMk cId="2918085937" sldId="541"/>
            <ac:spMk id="62" creationId="{ACF7C3AE-78D0-4AA6-A5C9-72DC009E8D6F}"/>
          </ac:spMkLst>
        </pc:spChg>
        <pc:picChg chg="del">
          <ac:chgData name="Merve Turhan" userId="3594cd17-5953-4511-8d53-8cfc799250e7" providerId="ADAL" clId="{01E56475-575D-4CD2-B720-B8D0ED314503}" dt="2022-02-21T20:32:32.483" v="3186" actId="478"/>
          <ac:picMkLst>
            <pc:docMk/>
            <pc:sldMk cId="2918085937" sldId="541"/>
            <ac:picMk id="4" creationId="{497D7D8E-99E3-4E6C-9D41-E89A37301FB3}"/>
          </ac:picMkLst>
        </pc:picChg>
        <pc:picChg chg="del">
          <ac:chgData name="Merve Turhan" userId="3594cd17-5953-4511-8d53-8cfc799250e7" providerId="ADAL" clId="{01E56475-575D-4CD2-B720-B8D0ED314503}" dt="2022-02-21T19:52:37.421" v="2839" actId="478"/>
          <ac:picMkLst>
            <pc:docMk/>
            <pc:sldMk cId="2918085937" sldId="541"/>
            <ac:picMk id="5" creationId="{ED24D716-CB42-4C49-B520-07A2DE8079AF}"/>
          </ac:picMkLst>
        </pc:picChg>
        <pc:picChg chg="add mod">
          <ac:chgData name="Merve Turhan" userId="3594cd17-5953-4511-8d53-8cfc799250e7" providerId="ADAL" clId="{01E56475-575D-4CD2-B720-B8D0ED314503}" dt="2022-02-21T19:52:50.352" v="2844" actId="1076"/>
          <ac:picMkLst>
            <pc:docMk/>
            <pc:sldMk cId="2918085937" sldId="541"/>
            <ac:picMk id="10" creationId="{ADE4E49D-DC40-495D-91AB-7268B1BE61BD}"/>
          </ac:picMkLst>
        </pc:picChg>
        <pc:cxnChg chg="add mod">
          <ac:chgData name="Merve Turhan" userId="3594cd17-5953-4511-8d53-8cfc799250e7" providerId="ADAL" clId="{01E56475-575D-4CD2-B720-B8D0ED314503}" dt="2022-02-21T20:09:51.487" v="3129" actId="1076"/>
          <ac:cxnSpMkLst>
            <pc:docMk/>
            <pc:sldMk cId="2918085937" sldId="541"/>
            <ac:cxnSpMk id="21" creationId="{5D3C568B-85D6-4FD9-BE99-1E6E479B95D4}"/>
          </ac:cxnSpMkLst>
        </pc:cxnChg>
        <pc:cxnChg chg="add mod">
          <ac:chgData name="Merve Turhan" userId="3594cd17-5953-4511-8d53-8cfc799250e7" providerId="ADAL" clId="{01E56475-575D-4CD2-B720-B8D0ED314503}" dt="2022-02-21T20:09:41.586" v="3126" actId="14100"/>
          <ac:cxnSpMkLst>
            <pc:docMk/>
            <pc:sldMk cId="2918085937" sldId="541"/>
            <ac:cxnSpMk id="22" creationId="{A1DB6A49-4A17-49C1-8B8F-6D34073D5D5C}"/>
          </ac:cxnSpMkLst>
        </pc:cxnChg>
        <pc:cxnChg chg="add mod">
          <ac:chgData name="Merve Turhan" userId="3594cd17-5953-4511-8d53-8cfc799250e7" providerId="ADAL" clId="{01E56475-575D-4CD2-B720-B8D0ED314503}" dt="2022-02-21T20:10:29.794" v="3136" actId="1076"/>
          <ac:cxnSpMkLst>
            <pc:docMk/>
            <pc:sldMk cId="2918085937" sldId="541"/>
            <ac:cxnSpMk id="23" creationId="{FF24F33B-75BA-4B89-B8FF-4A0081214405}"/>
          </ac:cxnSpMkLst>
        </pc:cxnChg>
        <pc:cxnChg chg="add mod">
          <ac:chgData name="Merve Turhan" userId="3594cd17-5953-4511-8d53-8cfc799250e7" providerId="ADAL" clId="{01E56475-575D-4CD2-B720-B8D0ED314503}" dt="2022-02-21T20:04:34.704" v="3073" actId="1076"/>
          <ac:cxnSpMkLst>
            <pc:docMk/>
            <pc:sldMk cId="2918085937" sldId="541"/>
            <ac:cxnSpMk id="24" creationId="{6571FB4A-6866-4346-A8EE-96D442CD6CBB}"/>
          </ac:cxnSpMkLst>
        </pc:cxnChg>
        <pc:cxnChg chg="add mod">
          <ac:chgData name="Merve Turhan" userId="3594cd17-5953-4511-8d53-8cfc799250e7" providerId="ADAL" clId="{01E56475-575D-4CD2-B720-B8D0ED314503}" dt="2022-02-21T20:04:34.704" v="3073" actId="1076"/>
          <ac:cxnSpMkLst>
            <pc:docMk/>
            <pc:sldMk cId="2918085937" sldId="541"/>
            <ac:cxnSpMk id="25" creationId="{01FDBA7C-7A45-4BE6-9216-C0E16EA02585}"/>
          </ac:cxnSpMkLst>
        </pc:cxnChg>
        <pc:cxnChg chg="add mod">
          <ac:chgData name="Merve Turhan" userId="3594cd17-5953-4511-8d53-8cfc799250e7" providerId="ADAL" clId="{01E56475-575D-4CD2-B720-B8D0ED314503}" dt="2022-02-21T20:10:29.794" v="3136" actId="1076"/>
          <ac:cxnSpMkLst>
            <pc:docMk/>
            <pc:sldMk cId="2918085937" sldId="541"/>
            <ac:cxnSpMk id="26" creationId="{009DF460-F953-493B-AB54-A2F610875D3D}"/>
          </ac:cxnSpMkLst>
        </pc:cxnChg>
        <pc:cxnChg chg="add mod">
          <ac:chgData name="Merve Turhan" userId="3594cd17-5953-4511-8d53-8cfc799250e7" providerId="ADAL" clId="{01E56475-575D-4CD2-B720-B8D0ED314503}" dt="2022-02-21T20:04:34.704" v="3073" actId="1076"/>
          <ac:cxnSpMkLst>
            <pc:docMk/>
            <pc:sldMk cId="2918085937" sldId="541"/>
            <ac:cxnSpMk id="27" creationId="{36DBCF76-ACB6-4FCD-B866-9220E7948E9D}"/>
          </ac:cxnSpMkLst>
        </pc:cxnChg>
        <pc:cxnChg chg="add mod">
          <ac:chgData name="Merve Turhan" userId="3594cd17-5953-4511-8d53-8cfc799250e7" providerId="ADAL" clId="{01E56475-575D-4CD2-B720-B8D0ED314503}" dt="2022-02-21T20:09:51.487" v="3129" actId="1076"/>
          <ac:cxnSpMkLst>
            <pc:docMk/>
            <pc:sldMk cId="2918085937" sldId="541"/>
            <ac:cxnSpMk id="28" creationId="{8D081C80-A175-4C16-9A92-A05E5B3C99FA}"/>
          </ac:cxnSpMkLst>
        </pc:cxnChg>
        <pc:cxnChg chg="add mod">
          <ac:chgData name="Merve Turhan" userId="3594cd17-5953-4511-8d53-8cfc799250e7" providerId="ADAL" clId="{01E56475-575D-4CD2-B720-B8D0ED314503}" dt="2022-02-23T21:14:36.721" v="12506" actId="14100"/>
          <ac:cxnSpMkLst>
            <pc:docMk/>
            <pc:sldMk cId="2918085937" sldId="541"/>
            <ac:cxnSpMk id="35" creationId="{2689D007-9AD4-43CB-ADB6-F88E8DD831F5}"/>
          </ac:cxnSpMkLst>
        </pc:cxnChg>
        <pc:cxnChg chg="add mod">
          <ac:chgData name="Merve Turhan" userId="3594cd17-5953-4511-8d53-8cfc799250e7" providerId="ADAL" clId="{01E56475-575D-4CD2-B720-B8D0ED314503}" dt="2022-02-21T20:04:34.704" v="3073" actId="1076"/>
          <ac:cxnSpMkLst>
            <pc:docMk/>
            <pc:sldMk cId="2918085937" sldId="541"/>
            <ac:cxnSpMk id="37" creationId="{A227D51C-6D6A-4D49-A2DE-32419C8B1720}"/>
          </ac:cxnSpMkLst>
        </pc:cxnChg>
        <pc:cxnChg chg="add mod">
          <ac:chgData name="Merve Turhan" userId="3594cd17-5953-4511-8d53-8cfc799250e7" providerId="ADAL" clId="{01E56475-575D-4CD2-B720-B8D0ED314503}" dt="2022-02-21T20:10:16.014" v="3134" actId="1076"/>
          <ac:cxnSpMkLst>
            <pc:docMk/>
            <pc:sldMk cId="2918085937" sldId="541"/>
            <ac:cxnSpMk id="48" creationId="{494AF3A5-AF29-481E-8170-3C7E878050E5}"/>
          </ac:cxnSpMkLst>
        </pc:cxnChg>
      </pc:sldChg>
      <pc:sldChg chg="add del">
        <pc:chgData name="Merve Turhan" userId="3594cd17-5953-4511-8d53-8cfc799250e7" providerId="ADAL" clId="{01E56475-575D-4CD2-B720-B8D0ED314503}" dt="2022-02-21T21:57:21.918" v="4573" actId="47"/>
        <pc:sldMkLst>
          <pc:docMk/>
          <pc:sldMk cId="388477238" sldId="542"/>
        </pc:sldMkLst>
      </pc:sldChg>
      <pc:sldChg chg="modSp new del mod">
        <pc:chgData name="Merve Turhan" userId="3594cd17-5953-4511-8d53-8cfc799250e7" providerId="ADAL" clId="{01E56475-575D-4CD2-B720-B8D0ED314503}" dt="2022-02-21T20:59:01.909" v="3409" actId="47"/>
        <pc:sldMkLst>
          <pc:docMk/>
          <pc:sldMk cId="1908775167" sldId="542"/>
        </pc:sldMkLst>
        <pc:spChg chg="mod">
          <ac:chgData name="Merve Turhan" userId="3594cd17-5953-4511-8d53-8cfc799250e7" providerId="ADAL" clId="{01E56475-575D-4CD2-B720-B8D0ED314503}" dt="2022-02-21T20:52:59.965" v="3242" actId="20577"/>
          <ac:spMkLst>
            <pc:docMk/>
            <pc:sldMk cId="1908775167" sldId="542"/>
            <ac:spMk id="3" creationId="{62466361-482A-4BCE-9ECA-37B33130EE43}"/>
          </ac:spMkLst>
        </pc:spChg>
      </pc:sldChg>
      <pc:sldChg chg="addSp modSp new mod ord">
        <pc:chgData name="Merve Turhan" userId="3594cd17-5953-4511-8d53-8cfc799250e7" providerId="ADAL" clId="{01E56475-575D-4CD2-B720-B8D0ED314503}" dt="2022-02-24T09:07:39.175" v="13738" actId="113"/>
        <pc:sldMkLst>
          <pc:docMk/>
          <pc:sldMk cId="3694123121" sldId="543"/>
        </pc:sldMkLst>
        <pc:spChg chg="mod">
          <ac:chgData name="Merve Turhan" userId="3594cd17-5953-4511-8d53-8cfc799250e7" providerId="ADAL" clId="{01E56475-575D-4CD2-B720-B8D0ED314503}" dt="2022-02-24T09:05:02.452" v="13648" actId="14100"/>
          <ac:spMkLst>
            <pc:docMk/>
            <pc:sldMk cId="3694123121" sldId="543"/>
            <ac:spMk id="2" creationId="{C1B456BB-45A4-45E4-9ECD-0CECA34966EA}"/>
          </ac:spMkLst>
        </pc:spChg>
        <pc:spChg chg="mod">
          <ac:chgData name="Merve Turhan" userId="3594cd17-5953-4511-8d53-8cfc799250e7" providerId="ADAL" clId="{01E56475-575D-4CD2-B720-B8D0ED314503}" dt="2022-02-24T09:07:39.175" v="13738" actId="113"/>
          <ac:spMkLst>
            <pc:docMk/>
            <pc:sldMk cId="3694123121" sldId="543"/>
            <ac:spMk id="3" creationId="{C0BC675F-883D-4CC5-A580-7A9D49AD3814}"/>
          </ac:spMkLst>
        </pc:spChg>
        <pc:graphicFrameChg chg="add mod modGraphic">
          <ac:chgData name="Merve Turhan" userId="3594cd17-5953-4511-8d53-8cfc799250e7" providerId="ADAL" clId="{01E56475-575D-4CD2-B720-B8D0ED314503}" dt="2022-02-24T09:06:25.642" v="13709" actId="1076"/>
          <ac:graphicFrameMkLst>
            <pc:docMk/>
            <pc:sldMk cId="3694123121" sldId="543"/>
            <ac:graphicFrameMk id="4" creationId="{19802A92-5904-4E21-B810-46277C1B0CB2}"/>
          </ac:graphicFrameMkLst>
        </pc:graphicFrameChg>
      </pc:sldChg>
      <pc:sldChg chg="addSp modSp new mod ord modAnim">
        <pc:chgData name="Merve Turhan" userId="3594cd17-5953-4511-8d53-8cfc799250e7" providerId="ADAL" clId="{01E56475-575D-4CD2-B720-B8D0ED314503}" dt="2022-02-24T09:38:07.825" v="14103" actId="20577"/>
        <pc:sldMkLst>
          <pc:docMk/>
          <pc:sldMk cId="198089982" sldId="544"/>
        </pc:sldMkLst>
        <pc:spChg chg="mod">
          <ac:chgData name="Merve Turhan" userId="3594cd17-5953-4511-8d53-8cfc799250e7" providerId="ADAL" clId="{01E56475-575D-4CD2-B720-B8D0ED314503}" dt="2022-02-24T09:38:07.825" v="14103" actId="20577"/>
          <ac:spMkLst>
            <pc:docMk/>
            <pc:sldMk cId="198089982" sldId="544"/>
            <ac:spMk id="2" creationId="{C34719D1-366A-4F42-BEE9-8FFB1FF5FB46}"/>
          </ac:spMkLst>
        </pc:spChg>
        <pc:spChg chg="mod">
          <ac:chgData name="Merve Turhan" userId="3594cd17-5953-4511-8d53-8cfc799250e7" providerId="ADAL" clId="{01E56475-575D-4CD2-B720-B8D0ED314503}" dt="2022-02-24T09:37:31.969" v="14074" actId="20577"/>
          <ac:spMkLst>
            <pc:docMk/>
            <pc:sldMk cId="198089982" sldId="544"/>
            <ac:spMk id="3" creationId="{723EE39E-B7DF-4450-8AC0-A43CCFFCBAB5}"/>
          </ac:spMkLst>
        </pc:spChg>
        <pc:spChg chg="add mod">
          <ac:chgData name="Merve Turhan" userId="3594cd17-5953-4511-8d53-8cfc799250e7" providerId="ADAL" clId="{01E56475-575D-4CD2-B720-B8D0ED314503}" dt="2022-02-24T09:16:20.898" v="13998" actId="1076"/>
          <ac:spMkLst>
            <pc:docMk/>
            <pc:sldMk cId="198089982" sldId="544"/>
            <ac:spMk id="6" creationId="{2D73E716-6D1E-4C27-B9C6-237B15CF034B}"/>
          </ac:spMkLst>
        </pc:spChg>
        <pc:picChg chg="add mod">
          <ac:chgData name="Merve Turhan" userId="3594cd17-5953-4511-8d53-8cfc799250e7" providerId="ADAL" clId="{01E56475-575D-4CD2-B720-B8D0ED314503}" dt="2022-02-24T09:16:15.840" v="13997" actId="1076"/>
          <ac:picMkLst>
            <pc:docMk/>
            <pc:sldMk cId="198089982" sldId="544"/>
            <ac:picMk id="5" creationId="{3277BCD5-CD5B-40C3-B6DC-BC08F1676F80}"/>
          </ac:picMkLst>
        </pc:picChg>
      </pc:sldChg>
      <pc:sldChg chg="modSp new mod">
        <pc:chgData name="Merve Turhan" userId="3594cd17-5953-4511-8d53-8cfc799250e7" providerId="ADAL" clId="{01E56475-575D-4CD2-B720-B8D0ED314503}" dt="2022-02-24T08:12:46.804" v="13287" actId="5793"/>
        <pc:sldMkLst>
          <pc:docMk/>
          <pc:sldMk cId="3635840541" sldId="545"/>
        </pc:sldMkLst>
        <pc:spChg chg="mod">
          <ac:chgData name="Merve Turhan" userId="3594cd17-5953-4511-8d53-8cfc799250e7" providerId="ADAL" clId="{01E56475-575D-4CD2-B720-B8D0ED314503}" dt="2022-02-23T18:30:59.850" v="11568" actId="790"/>
          <ac:spMkLst>
            <pc:docMk/>
            <pc:sldMk cId="3635840541" sldId="545"/>
            <ac:spMk id="2" creationId="{3DD67EBF-0AF4-4F8D-9770-1DB85D459BE2}"/>
          </ac:spMkLst>
        </pc:spChg>
        <pc:spChg chg="mod">
          <ac:chgData name="Merve Turhan" userId="3594cd17-5953-4511-8d53-8cfc799250e7" providerId="ADAL" clId="{01E56475-575D-4CD2-B720-B8D0ED314503}" dt="2022-02-24T08:12:46.804" v="13287" actId="5793"/>
          <ac:spMkLst>
            <pc:docMk/>
            <pc:sldMk cId="3635840541" sldId="545"/>
            <ac:spMk id="3" creationId="{07A447B9-B230-4958-A6E9-443E2939DEA3}"/>
          </ac:spMkLst>
        </pc:spChg>
      </pc:sldChg>
      <pc:sldChg chg="modSp add del mod modAnim">
        <pc:chgData name="Merve Turhan" userId="3594cd17-5953-4511-8d53-8cfc799250e7" providerId="ADAL" clId="{01E56475-575D-4CD2-B720-B8D0ED314503}" dt="2022-02-23T22:42:39.144" v="12885" actId="47"/>
        <pc:sldMkLst>
          <pc:docMk/>
          <pc:sldMk cId="2016932751" sldId="546"/>
        </pc:sldMkLst>
        <pc:spChg chg="mod">
          <ac:chgData name="Merve Turhan" userId="3594cd17-5953-4511-8d53-8cfc799250e7" providerId="ADAL" clId="{01E56475-575D-4CD2-B720-B8D0ED314503}" dt="2022-02-23T18:30:59.853" v="11570"/>
          <ac:spMkLst>
            <pc:docMk/>
            <pc:sldMk cId="2016932751" sldId="546"/>
            <ac:spMk id="2" creationId="{3DD67EBF-0AF4-4F8D-9770-1DB85D459BE2}"/>
          </ac:spMkLst>
        </pc:spChg>
        <pc:spChg chg="mod">
          <ac:chgData name="Merve Turhan" userId="3594cd17-5953-4511-8d53-8cfc799250e7" providerId="ADAL" clId="{01E56475-575D-4CD2-B720-B8D0ED314503}" dt="2022-02-23T18:30:59.855" v="11571"/>
          <ac:spMkLst>
            <pc:docMk/>
            <pc:sldMk cId="2016932751" sldId="546"/>
            <ac:spMk id="3" creationId="{07A447B9-B230-4958-A6E9-443E2939DEA3}"/>
          </ac:spMkLst>
        </pc:spChg>
      </pc:sldChg>
      <pc:sldChg chg="delSp modSp add mod modAnim">
        <pc:chgData name="Merve Turhan" userId="3594cd17-5953-4511-8d53-8cfc799250e7" providerId="ADAL" clId="{01E56475-575D-4CD2-B720-B8D0ED314503}" dt="2022-02-23T22:48:00.036" v="13111" actId="478"/>
        <pc:sldMkLst>
          <pc:docMk/>
          <pc:sldMk cId="1197839042" sldId="547"/>
        </pc:sldMkLst>
        <pc:spChg chg="mod">
          <ac:chgData name="Merve Turhan" userId="3594cd17-5953-4511-8d53-8cfc799250e7" providerId="ADAL" clId="{01E56475-575D-4CD2-B720-B8D0ED314503}" dt="2022-02-23T18:30:59.861" v="11589" actId="790"/>
          <ac:spMkLst>
            <pc:docMk/>
            <pc:sldMk cId="1197839042" sldId="547"/>
            <ac:spMk id="2" creationId="{769D6A69-CA26-4F52-AC72-6E3BAB115F6E}"/>
          </ac:spMkLst>
        </pc:spChg>
        <pc:spChg chg="mod">
          <ac:chgData name="Merve Turhan" userId="3594cd17-5953-4511-8d53-8cfc799250e7" providerId="ADAL" clId="{01E56475-575D-4CD2-B720-B8D0ED314503}" dt="2022-02-23T18:30:59.862" v="11590"/>
          <ac:spMkLst>
            <pc:docMk/>
            <pc:sldMk cId="1197839042" sldId="547"/>
            <ac:spMk id="3" creationId="{564CE5E3-F3B4-4237-88B0-E6459D52AB6F}"/>
          </ac:spMkLst>
        </pc:spChg>
        <pc:spChg chg="mod">
          <ac:chgData name="Merve Turhan" userId="3594cd17-5953-4511-8d53-8cfc799250e7" providerId="ADAL" clId="{01E56475-575D-4CD2-B720-B8D0ED314503}" dt="2022-02-23T18:30:59.862" v="11591"/>
          <ac:spMkLst>
            <pc:docMk/>
            <pc:sldMk cId="1197839042" sldId="547"/>
            <ac:spMk id="4" creationId="{8D1B08C6-84B0-4CAB-99A8-6B05FACCFB68}"/>
          </ac:spMkLst>
        </pc:spChg>
        <pc:spChg chg="mod">
          <ac:chgData name="Merve Turhan" userId="3594cd17-5953-4511-8d53-8cfc799250e7" providerId="ADAL" clId="{01E56475-575D-4CD2-B720-B8D0ED314503}" dt="2022-02-23T18:30:59.863" v="11592"/>
          <ac:spMkLst>
            <pc:docMk/>
            <pc:sldMk cId="1197839042" sldId="547"/>
            <ac:spMk id="5" creationId="{29F2DF52-DBAC-44C7-96B0-F07A3378557C}"/>
          </ac:spMkLst>
        </pc:spChg>
        <pc:spChg chg="mod">
          <ac:chgData name="Merve Turhan" userId="3594cd17-5953-4511-8d53-8cfc799250e7" providerId="ADAL" clId="{01E56475-575D-4CD2-B720-B8D0ED314503}" dt="2022-02-23T18:30:59.863" v="11593"/>
          <ac:spMkLst>
            <pc:docMk/>
            <pc:sldMk cId="1197839042" sldId="547"/>
            <ac:spMk id="6" creationId="{59F27082-D315-413C-AA36-1CD9776A90E3}"/>
          </ac:spMkLst>
        </pc:spChg>
        <pc:spChg chg="mod">
          <ac:chgData name="Merve Turhan" userId="3594cd17-5953-4511-8d53-8cfc799250e7" providerId="ADAL" clId="{01E56475-575D-4CD2-B720-B8D0ED314503}" dt="2022-02-23T18:30:59.863" v="11594"/>
          <ac:spMkLst>
            <pc:docMk/>
            <pc:sldMk cId="1197839042" sldId="547"/>
            <ac:spMk id="7" creationId="{D6E72D87-12B6-43D3-88F6-75EEA447F935}"/>
          </ac:spMkLst>
        </pc:spChg>
        <pc:spChg chg="mod">
          <ac:chgData name="Merve Turhan" userId="3594cd17-5953-4511-8d53-8cfc799250e7" providerId="ADAL" clId="{01E56475-575D-4CD2-B720-B8D0ED314503}" dt="2022-02-23T18:30:59.864" v="11595"/>
          <ac:spMkLst>
            <pc:docMk/>
            <pc:sldMk cId="1197839042" sldId="547"/>
            <ac:spMk id="8" creationId="{1640211A-D611-4A80-ACB7-D4DC6E04E250}"/>
          </ac:spMkLst>
        </pc:spChg>
        <pc:spChg chg="mod">
          <ac:chgData name="Merve Turhan" userId="3594cd17-5953-4511-8d53-8cfc799250e7" providerId="ADAL" clId="{01E56475-575D-4CD2-B720-B8D0ED314503}" dt="2022-02-23T18:30:59.864" v="11596"/>
          <ac:spMkLst>
            <pc:docMk/>
            <pc:sldMk cId="1197839042" sldId="547"/>
            <ac:spMk id="9" creationId="{9406963F-4B96-45FD-81D7-231AA8DB8EF9}"/>
          </ac:spMkLst>
        </pc:spChg>
        <pc:spChg chg="mod">
          <ac:chgData name="Merve Turhan" userId="3594cd17-5953-4511-8d53-8cfc799250e7" providerId="ADAL" clId="{01E56475-575D-4CD2-B720-B8D0ED314503}" dt="2022-02-23T18:30:59.864" v="11597"/>
          <ac:spMkLst>
            <pc:docMk/>
            <pc:sldMk cId="1197839042" sldId="547"/>
            <ac:spMk id="10" creationId="{A161401B-8407-43DC-B6F7-7F531842B358}"/>
          </ac:spMkLst>
        </pc:spChg>
        <pc:spChg chg="mod">
          <ac:chgData name="Merve Turhan" userId="3594cd17-5953-4511-8d53-8cfc799250e7" providerId="ADAL" clId="{01E56475-575D-4CD2-B720-B8D0ED314503}" dt="2022-02-23T18:30:59.865" v="11598"/>
          <ac:spMkLst>
            <pc:docMk/>
            <pc:sldMk cId="1197839042" sldId="547"/>
            <ac:spMk id="14" creationId="{A3A76F6A-C92D-41C3-AE83-5EBC01AA8ADA}"/>
          </ac:spMkLst>
        </pc:spChg>
        <pc:spChg chg="del mod">
          <ac:chgData name="Merve Turhan" userId="3594cd17-5953-4511-8d53-8cfc799250e7" providerId="ADAL" clId="{01E56475-575D-4CD2-B720-B8D0ED314503}" dt="2022-02-23T22:48:00.036" v="13111" actId="478"/>
          <ac:spMkLst>
            <pc:docMk/>
            <pc:sldMk cId="1197839042" sldId="547"/>
            <ac:spMk id="16" creationId="{7468A735-DFD0-4EE7-93A6-5B794598D2EE}"/>
          </ac:spMkLst>
        </pc:spChg>
        <pc:spChg chg="mod">
          <ac:chgData name="Merve Turhan" userId="3594cd17-5953-4511-8d53-8cfc799250e7" providerId="ADAL" clId="{01E56475-575D-4CD2-B720-B8D0ED314503}" dt="2022-02-23T18:30:59.865" v="11600"/>
          <ac:spMkLst>
            <pc:docMk/>
            <pc:sldMk cId="1197839042" sldId="547"/>
            <ac:spMk id="19" creationId="{4ED20295-E8F9-4FAE-85A8-FBF6CCC1F26C}"/>
          </ac:spMkLst>
        </pc:spChg>
        <pc:spChg chg="mod">
          <ac:chgData name="Merve Turhan" userId="3594cd17-5953-4511-8d53-8cfc799250e7" providerId="ADAL" clId="{01E56475-575D-4CD2-B720-B8D0ED314503}" dt="2022-02-23T18:30:59.865" v="11601"/>
          <ac:spMkLst>
            <pc:docMk/>
            <pc:sldMk cId="1197839042" sldId="547"/>
            <ac:spMk id="22" creationId="{93C9BA85-3C61-4877-9F37-BEE277DD0130}"/>
          </ac:spMkLst>
        </pc:spChg>
        <pc:spChg chg="mod">
          <ac:chgData name="Merve Turhan" userId="3594cd17-5953-4511-8d53-8cfc799250e7" providerId="ADAL" clId="{01E56475-575D-4CD2-B720-B8D0ED314503}" dt="2022-02-23T18:30:59.865" v="11602"/>
          <ac:spMkLst>
            <pc:docMk/>
            <pc:sldMk cId="1197839042" sldId="547"/>
            <ac:spMk id="23" creationId="{1EE719FC-F53E-4633-814E-9C9D2FEC5543}"/>
          </ac:spMkLst>
        </pc:spChg>
        <pc:spChg chg="mod">
          <ac:chgData name="Merve Turhan" userId="3594cd17-5953-4511-8d53-8cfc799250e7" providerId="ADAL" clId="{01E56475-575D-4CD2-B720-B8D0ED314503}" dt="2022-02-23T18:30:59.866" v="11604" actId="790"/>
          <ac:spMkLst>
            <pc:docMk/>
            <pc:sldMk cId="1197839042" sldId="547"/>
            <ac:spMk id="24" creationId="{27FD9022-3BDA-4679-89ED-6CE2833935CF}"/>
          </ac:spMkLst>
        </pc:spChg>
        <pc:spChg chg="mod">
          <ac:chgData name="Merve Turhan" userId="3594cd17-5953-4511-8d53-8cfc799250e7" providerId="ADAL" clId="{01E56475-575D-4CD2-B720-B8D0ED314503}" dt="2022-02-23T18:30:59.866" v="11603"/>
          <ac:spMkLst>
            <pc:docMk/>
            <pc:sldMk cId="1197839042" sldId="547"/>
            <ac:spMk id="26" creationId="{138D257A-DD0A-4873-84C8-F62A958A5013}"/>
          </ac:spMkLst>
        </pc:spChg>
        <pc:spChg chg="mod">
          <ac:chgData name="Merve Turhan" userId="3594cd17-5953-4511-8d53-8cfc799250e7" providerId="ADAL" clId="{01E56475-575D-4CD2-B720-B8D0ED314503}" dt="2022-02-23T18:30:59.867" v="11605" actId="790"/>
          <ac:spMkLst>
            <pc:docMk/>
            <pc:sldMk cId="1197839042" sldId="547"/>
            <ac:spMk id="29" creationId="{E0786F51-C5CB-4C5D-8AD3-9CD5D5927783}"/>
          </ac:spMkLst>
        </pc:spChg>
        <pc:spChg chg="mod">
          <ac:chgData name="Merve Turhan" userId="3594cd17-5953-4511-8d53-8cfc799250e7" providerId="ADAL" clId="{01E56475-575D-4CD2-B720-B8D0ED314503}" dt="2022-02-23T18:30:59.867" v="11606" actId="790"/>
          <ac:spMkLst>
            <pc:docMk/>
            <pc:sldMk cId="1197839042" sldId="547"/>
            <ac:spMk id="30" creationId="{3FC9DE31-3087-4F90-9F18-C17EDFD5231B}"/>
          </ac:spMkLst>
        </pc:spChg>
        <pc:cxnChg chg="del">
          <ac:chgData name="Merve Turhan" userId="3594cd17-5953-4511-8d53-8cfc799250e7" providerId="ADAL" clId="{01E56475-575D-4CD2-B720-B8D0ED314503}" dt="2022-02-23T22:47:56.781" v="13110" actId="478"/>
          <ac:cxnSpMkLst>
            <pc:docMk/>
            <pc:sldMk cId="1197839042" sldId="547"/>
            <ac:cxnSpMk id="15" creationId="{9F7A7DD0-B047-43E3-A77E-0E141094BC3C}"/>
          </ac:cxnSpMkLst>
        </pc:cxnChg>
      </pc:sldChg>
      <pc:sldChg chg="modSp new mod modAnim">
        <pc:chgData name="Merve Turhan" userId="3594cd17-5953-4511-8d53-8cfc799250e7" providerId="ADAL" clId="{01E56475-575D-4CD2-B720-B8D0ED314503}" dt="2022-02-24T10:28:47.540" v="14198" actId="207"/>
        <pc:sldMkLst>
          <pc:docMk/>
          <pc:sldMk cId="4154376622" sldId="548"/>
        </pc:sldMkLst>
        <pc:spChg chg="mod">
          <ac:chgData name="Merve Turhan" userId="3594cd17-5953-4511-8d53-8cfc799250e7" providerId="ADAL" clId="{01E56475-575D-4CD2-B720-B8D0ED314503}" dt="2022-02-24T09:39:02.754" v="14105" actId="20577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Turhan" userId="3594cd17-5953-4511-8d53-8cfc799250e7" providerId="ADAL" clId="{01E56475-575D-4CD2-B720-B8D0ED314503}" dt="2022-02-24T10:28:47.540" v="14198" actId="207"/>
          <ac:spMkLst>
            <pc:docMk/>
            <pc:sldMk cId="4154376622" sldId="548"/>
            <ac:spMk id="3" creationId="{751D7DC4-34BA-4C86-8CD6-95954A91B7AC}"/>
          </ac:spMkLst>
        </pc:spChg>
      </pc:sldChg>
      <pc:sldChg chg="addSp delSp modSp add mod ord modAnim">
        <pc:chgData name="Merve Turhan" userId="3594cd17-5953-4511-8d53-8cfc799250e7" providerId="ADAL" clId="{01E56475-575D-4CD2-B720-B8D0ED314503}" dt="2022-02-24T07:56:19.127" v="13263" actId="478"/>
        <pc:sldMkLst>
          <pc:docMk/>
          <pc:sldMk cId="3164656077" sldId="549"/>
        </pc:sldMkLst>
        <pc:spChg chg="mod">
          <ac:chgData name="Merve Turhan" userId="3594cd17-5953-4511-8d53-8cfc799250e7" providerId="ADAL" clId="{01E56475-575D-4CD2-B720-B8D0ED314503}" dt="2022-02-23T18:30:59.832" v="11546" actId="790"/>
          <ac:spMkLst>
            <pc:docMk/>
            <pc:sldMk cId="3164656077" sldId="549"/>
            <ac:spMk id="2" creationId="{642BE25F-90A2-4B63-B1FD-2969EF539A0C}"/>
          </ac:spMkLst>
        </pc:spChg>
        <pc:spChg chg="mod">
          <ac:chgData name="Merve Turhan" userId="3594cd17-5953-4511-8d53-8cfc799250e7" providerId="ADAL" clId="{01E56475-575D-4CD2-B720-B8D0ED314503}" dt="2022-02-23T22:46:40.344" v="13064" actId="20577"/>
          <ac:spMkLst>
            <pc:docMk/>
            <pc:sldMk cId="3164656077" sldId="549"/>
            <ac:spMk id="3" creationId="{33AE2E6A-76C6-4AA5-993A-A67B2C479625}"/>
          </ac:spMkLst>
        </pc:spChg>
        <pc:spChg chg="add del mod">
          <ac:chgData name="Merve Turhan" userId="3594cd17-5953-4511-8d53-8cfc799250e7" providerId="ADAL" clId="{01E56475-575D-4CD2-B720-B8D0ED314503}" dt="2022-02-24T07:56:19.127" v="13263" actId="478"/>
          <ac:spMkLst>
            <pc:docMk/>
            <pc:sldMk cId="3164656077" sldId="549"/>
            <ac:spMk id="7" creationId="{8BA254C0-F556-42FC-A662-AF22FCFCBD3B}"/>
          </ac:spMkLst>
        </pc:spChg>
        <pc:spChg chg="add mod">
          <ac:chgData name="Merve Turhan" userId="3594cd17-5953-4511-8d53-8cfc799250e7" providerId="ADAL" clId="{01E56475-575D-4CD2-B720-B8D0ED314503}" dt="2022-02-23T22:37:43.067" v="12658" actId="1076"/>
          <ac:spMkLst>
            <pc:docMk/>
            <pc:sldMk cId="3164656077" sldId="549"/>
            <ac:spMk id="8" creationId="{D7968843-90AA-4CCC-A3FC-81442DFFB902}"/>
          </ac:spMkLst>
        </pc:spChg>
        <pc:spChg chg="add del mod">
          <ac:chgData name="Merve Turhan" userId="3594cd17-5953-4511-8d53-8cfc799250e7" providerId="ADAL" clId="{01E56475-575D-4CD2-B720-B8D0ED314503}" dt="2022-02-23T22:38:05.901" v="12662" actId="478"/>
          <ac:spMkLst>
            <pc:docMk/>
            <pc:sldMk cId="3164656077" sldId="549"/>
            <ac:spMk id="9" creationId="{F50296AE-432B-4EC1-9DDF-5D6657BB99CB}"/>
          </ac:spMkLst>
        </pc:spChg>
        <pc:spChg chg="add del mod">
          <ac:chgData name="Merve Turhan" userId="3594cd17-5953-4511-8d53-8cfc799250e7" providerId="ADAL" clId="{01E56475-575D-4CD2-B720-B8D0ED314503}" dt="2022-02-23T22:46:48.812" v="13067" actId="478"/>
          <ac:spMkLst>
            <pc:docMk/>
            <pc:sldMk cId="3164656077" sldId="549"/>
            <ac:spMk id="10" creationId="{3BD59A01-023B-4F7E-97C5-74BB177D4B4C}"/>
          </ac:spMkLst>
        </pc:spChg>
        <pc:spChg chg="mod">
          <ac:chgData name="Merve Turhan" userId="3594cd17-5953-4511-8d53-8cfc799250e7" providerId="ADAL" clId="{01E56475-575D-4CD2-B720-B8D0ED314503}" dt="2022-02-23T18:30:59.835" v="11548" actId="790"/>
          <ac:spMkLst>
            <pc:docMk/>
            <pc:sldMk cId="3164656077" sldId="549"/>
            <ac:spMk id="18" creationId="{71CE2699-4ECC-41CE-AA28-2D6BA30BD1A9}"/>
          </ac:spMkLst>
        </pc:spChg>
        <pc:spChg chg="mod">
          <ac:chgData name="Merve Turhan" userId="3594cd17-5953-4511-8d53-8cfc799250e7" providerId="ADAL" clId="{01E56475-575D-4CD2-B720-B8D0ED314503}" dt="2022-02-23T18:30:59.836" v="11549" actId="790"/>
          <ac:spMkLst>
            <pc:docMk/>
            <pc:sldMk cId="3164656077" sldId="549"/>
            <ac:spMk id="21" creationId="{07D6AFBC-F49C-411A-A91C-65520D5642D0}"/>
          </ac:spMkLst>
        </pc:spChg>
        <pc:spChg chg="mod">
          <ac:chgData name="Merve Turhan" userId="3594cd17-5953-4511-8d53-8cfc799250e7" providerId="ADAL" clId="{01E56475-575D-4CD2-B720-B8D0ED314503}" dt="2022-02-23T18:30:59.837" v="11550" actId="790"/>
          <ac:spMkLst>
            <pc:docMk/>
            <pc:sldMk cId="3164656077" sldId="549"/>
            <ac:spMk id="22" creationId="{6361E886-AC66-4EAD-B6AF-935DE1412F5E}"/>
          </ac:spMkLst>
        </pc:spChg>
        <pc:spChg chg="mod">
          <ac:chgData name="Merve Turhan" userId="3594cd17-5953-4511-8d53-8cfc799250e7" providerId="ADAL" clId="{01E56475-575D-4CD2-B720-B8D0ED314503}" dt="2022-02-23T18:30:59.837" v="11551" actId="790"/>
          <ac:spMkLst>
            <pc:docMk/>
            <pc:sldMk cId="3164656077" sldId="549"/>
            <ac:spMk id="23" creationId="{BD2E5D08-CD4D-4F1B-B8A6-39CE5883726F}"/>
          </ac:spMkLst>
        </pc:spChg>
        <pc:spChg chg="mod">
          <ac:chgData name="Merve Turhan" userId="3594cd17-5953-4511-8d53-8cfc799250e7" providerId="ADAL" clId="{01E56475-575D-4CD2-B720-B8D0ED314503}" dt="2022-02-23T18:30:59.838" v="11552" actId="790"/>
          <ac:spMkLst>
            <pc:docMk/>
            <pc:sldMk cId="3164656077" sldId="549"/>
            <ac:spMk id="24" creationId="{58934B3F-E197-4A5D-9FC3-72AB3415E1C9}"/>
          </ac:spMkLst>
        </pc:spChg>
        <pc:spChg chg="mod">
          <ac:chgData name="Merve Turhan" userId="3594cd17-5953-4511-8d53-8cfc799250e7" providerId="ADAL" clId="{01E56475-575D-4CD2-B720-B8D0ED314503}" dt="2022-02-23T18:30:59.839" v="11553" actId="790"/>
          <ac:spMkLst>
            <pc:docMk/>
            <pc:sldMk cId="3164656077" sldId="549"/>
            <ac:spMk id="25" creationId="{047A8605-E454-4B57-970B-61A51E9FB38D}"/>
          </ac:spMkLst>
        </pc:spChg>
        <pc:spChg chg="mod">
          <ac:chgData name="Merve Turhan" userId="3594cd17-5953-4511-8d53-8cfc799250e7" providerId="ADAL" clId="{01E56475-575D-4CD2-B720-B8D0ED314503}" dt="2022-02-23T18:30:59.840" v="11554" actId="790"/>
          <ac:spMkLst>
            <pc:docMk/>
            <pc:sldMk cId="3164656077" sldId="549"/>
            <ac:spMk id="26" creationId="{B676D700-A799-47A6-B5C1-F9876EC52602}"/>
          </ac:spMkLst>
        </pc:spChg>
        <pc:spChg chg="mod">
          <ac:chgData name="Merve Turhan" userId="3594cd17-5953-4511-8d53-8cfc799250e7" providerId="ADAL" clId="{01E56475-575D-4CD2-B720-B8D0ED314503}" dt="2022-02-23T18:30:59.840" v="11555" actId="790"/>
          <ac:spMkLst>
            <pc:docMk/>
            <pc:sldMk cId="3164656077" sldId="549"/>
            <ac:spMk id="27" creationId="{CBC724FA-5100-4D5E-9174-405031E05D71}"/>
          </ac:spMkLst>
        </pc:spChg>
        <pc:spChg chg="mod">
          <ac:chgData name="Merve Turhan" userId="3594cd17-5953-4511-8d53-8cfc799250e7" providerId="ADAL" clId="{01E56475-575D-4CD2-B720-B8D0ED314503}" dt="2022-02-23T18:30:59.841" v="11556" actId="790"/>
          <ac:spMkLst>
            <pc:docMk/>
            <pc:sldMk cId="3164656077" sldId="549"/>
            <ac:spMk id="28" creationId="{71E332D0-D9A6-415A-AF54-107C9CC5CE3C}"/>
          </ac:spMkLst>
        </pc:spChg>
        <pc:spChg chg="mod">
          <ac:chgData name="Merve Turhan" userId="3594cd17-5953-4511-8d53-8cfc799250e7" providerId="ADAL" clId="{01E56475-575D-4CD2-B720-B8D0ED314503}" dt="2022-02-23T18:30:59.842" v="11557" actId="790"/>
          <ac:spMkLst>
            <pc:docMk/>
            <pc:sldMk cId="3164656077" sldId="549"/>
            <ac:spMk id="29" creationId="{1A17688C-09D5-45A5-9806-0B4DF402BE2E}"/>
          </ac:spMkLst>
        </pc:spChg>
        <pc:spChg chg="mod">
          <ac:chgData name="Merve Turhan" userId="3594cd17-5953-4511-8d53-8cfc799250e7" providerId="ADAL" clId="{01E56475-575D-4CD2-B720-B8D0ED314503}" dt="2022-02-23T18:30:59.843" v="11558" actId="790"/>
          <ac:spMkLst>
            <pc:docMk/>
            <pc:sldMk cId="3164656077" sldId="549"/>
            <ac:spMk id="30" creationId="{20735F0A-D1A7-4F29-A196-AF803849A4C7}"/>
          </ac:spMkLst>
        </pc:spChg>
        <pc:spChg chg="mod">
          <ac:chgData name="Merve Turhan" userId="3594cd17-5953-4511-8d53-8cfc799250e7" providerId="ADAL" clId="{01E56475-575D-4CD2-B720-B8D0ED314503}" dt="2022-02-23T22:36:29.166" v="12650" actId="1582"/>
          <ac:spMkLst>
            <pc:docMk/>
            <pc:sldMk cId="3164656077" sldId="549"/>
            <ac:spMk id="31" creationId="{A2A620DC-7AA1-4B83-9AA9-FE46BD28A6EB}"/>
          </ac:spMkLst>
        </pc:spChg>
        <pc:spChg chg="mod">
          <ac:chgData name="Merve Turhan" userId="3594cd17-5953-4511-8d53-8cfc799250e7" providerId="ADAL" clId="{01E56475-575D-4CD2-B720-B8D0ED314503}" dt="2022-02-23T18:30:59.844" v="11560" actId="790"/>
          <ac:spMkLst>
            <pc:docMk/>
            <pc:sldMk cId="3164656077" sldId="549"/>
            <ac:spMk id="32" creationId="{A7EB3418-411A-4399-90FA-E1C8CAAE2741}"/>
          </ac:spMkLst>
        </pc:spChg>
        <pc:spChg chg="mod">
          <ac:chgData name="Merve Turhan" userId="3594cd17-5953-4511-8d53-8cfc799250e7" providerId="ADAL" clId="{01E56475-575D-4CD2-B720-B8D0ED314503}" dt="2022-02-23T22:36:39.275" v="12651" actId="14100"/>
          <ac:spMkLst>
            <pc:docMk/>
            <pc:sldMk cId="3164656077" sldId="549"/>
            <ac:spMk id="33" creationId="{7E404767-5561-4294-8F33-431AD4E4083E}"/>
          </ac:spMkLst>
        </pc:spChg>
        <pc:spChg chg="mod">
          <ac:chgData name="Merve Turhan" userId="3594cd17-5953-4511-8d53-8cfc799250e7" providerId="ADAL" clId="{01E56475-575D-4CD2-B720-B8D0ED314503}" dt="2022-02-23T18:30:59.846" v="11562" actId="790"/>
          <ac:spMkLst>
            <pc:docMk/>
            <pc:sldMk cId="3164656077" sldId="549"/>
            <ac:spMk id="34" creationId="{337C8850-EB4A-4629-8C7F-44A3F92584ED}"/>
          </ac:spMkLst>
        </pc:spChg>
        <pc:spChg chg="mod">
          <ac:chgData name="Merve Turhan" userId="3594cd17-5953-4511-8d53-8cfc799250e7" providerId="ADAL" clId="{01E56475-575D-4CD2-B720-B8D0ED314503}" dt="2022-02-23T18:30:59.846" v="11563" actId="790"/>
          <ac:spMkLst>
            <pc:docMk/>
            <pc:sldMk cId="3164656077" sldId="549"/>
            <ac:spMk id="35" creationId="{CCC46904-0EFA-4783-9970-621C3BD32ADA}"/>
          </ac:spMkLst>
        </pc:spChg>
        <pc:spChg chg="mod">
          <ac:chgData name="Merve Turhan" userId="3594cd17-5953-4511-8d53-8cfc799250e7" providerId="ADAL" clId="{01E56475-575D-4CD2-B720-B8D0ED314503}" dt="2022-02-23T18:30:59.847" v="11564" actId="790"/>
          <ac:spMkLst>
            <pc:docMk/>
            <pc:sldMk cId="3164656077" sldId="549"/>
            <ac:spMk id="36" creationId="{777727CA-E34A-49D2-9DFA-08DB2C6CCCDA}"/>
          </ac:spMkLst>
        </pc:spChg>
        <pc:spChg chg="mod">
          <ac:chgData name="Merve Turhan" userId="3594cd17-5953-4511-8d53-8cfc799250e7" providerId="ADAL" clId="{01E56475-575D-4CD2-B720-B8D0ED314503}" dt="2022-02-23T18:30:59.848" v="11565" actId="790"/>
          <ac:spMkLst>
            <pc:docMk/>
            <pc:sldMk cId="3164656077" sldId="549"/>
            <ac:spMk id="37" creationId="{C941B8DE-8B6A-44DB-805D-78A182BE5B87}"/>
          </ac:spMkLst>
        </pc:spChg>
        <pc:spChg chg="mod">
          <ac:chgData name="Merve Turhan" userId="3594cd17-5953-4511-8d53-8cfc799250e7" providerId="ADAL" clId="{01E56475-575D-4CD2-B720-B8D0ED314503}" dt="2022-02-23T18:30:59.848" v="11566" actId="790"/>
          <ac:spMkLst>
            <pc:docMk/>
            <pc:sldMk cId="3164656077" sldId="549"/>
            <ac:spMk id="38" creationId="{276A1AC9-1F5A-4C7F-BA74-3D6A67EBC8EB}"/>
          </ac:spMkLst>
        </pc:spChg>
        <pc:spChg chg="mod">
          <ac:chgData name="Merve Turhan" userId="3594cd17-5953-4511-8d53-8cfc799250e7" providerId="ADAL" clId="{01E56475-575D-4CD2-B720-B8D0ED314503}" dt="2022-02-23T18:30:59.849" v="11567" actId="790"/>
          <ac:spMkLst>
            <pc:docMk/>
            <pc:sldMk cId="3164656077" sldId="549"/>
            <ac:spMk id="39" creationId="{5E0FCE99-8E76-4B6E-B68D-A8200DCBBA8E}"/>
          </ac:spMkLst>
        </pc:spChg>
        <pc:spChg chg="add del mod">
          <ac:chgData name="Merve Turhan" userId="3594cd17-5953-4511-8d53-8cfc799250e7" providerId="ADAL" clId="{01E56475-575D-4CD2-B720-B8D0ED314503}" dt="2022-02-23T22:46:45.995" v="13065" actId="478"/>
          <ac:spMkLst>
            <pc:docMk/>
            <pc:sldMk cId="3164656077" sldId="549"/>
            <ac:spMk id="40" creationId="{85CD54CD-DAC2-4D2C-8453-61770F1BB891}"/>
          </ac:spMkLst>
        </pc:spChg>
        <pc:spChg chg="add del mod">
          <ac:chgData name="Merve Turhan" userId="3594cd17-5953-4511-8d53-8cfc799250e7" providerId="ADAL" clId="{01E56475-575D-4CD2-B720-B8D0ED314503}" dt="2022-02-23T22:46:47.447" v="13066" actId="478"/>
          <ac:spMkLst>
            <pc:docMk/>
            <pc:sldMk cId="3164656077" sldId="549"/>
            <ac:spMk id="41" creationId="{6CAA576F-FC13-43D1-AA5E-D4946D801FE3}"/>
          </ac:spMkLst>
        </pc:spChg>
        <pc:cxnChg chg="add del mod">
          <ac:chgData name="Merve Turhan" userId="3594cd17-5953-4511-8d53-8cfc799250e7" providerId="ADAL" clId="{01E56475-575D-4CD2-B720-B8D0ED314503}" dt="2022-02-23T22:17:05.984" v="12610" actId="478"/>
          <ac:cxnSpMkLst>
            <pc:docMk/>
            <pc:sldMk cId="3164656077" sldId="549"/>
            <ac:cxnSpMk id="5" creationId="{810E7744-5F05-48D7-A6AB-65B2817BF02B}"/>
          </ac:cxnSpMkLst>
        </pc:cxnChg>
      </pc:sldChg>
      <pc:sldChg chg="modSp add mod">
        <pc:chgData name="Merve Turhan" userId="3594cd17-5953-4511-8d53-8cfc799250e7" providerId="ADAL" clId="{01E56475-575D-4CD2-B720-B8D0ED314503}" dt="2022-02-23T18:30:59.913" v="11685" actId="790"/>
        <pc:sldMkLst>
          <pc:docMk/>
          <pc:sldMk cId="308072778" sldId="550"/>
        </pc:sldMkLst>
        <pc:spChg chg="mod">
          <ac:chgData name="Merve Turhan" userId="3594cd17-5953-4511-8d53-8cfc799250e7" providerId="ADAL" clId="{01E56475-575D-4CD2-B720-B8D0ED314503}" dt="2022-02-23T18:30:59.913" v="11685" actId="790"/>
          <ac:spMkLst>
            <pc:docMk/>
            <pc:sldMk cId="308072778" sldId="550"/>
            <ac:spMk id="2" creationId="{EE7A94D2-1978-40C1-8789-9BB226814F57}"/>
          </ac:spMkLst>
        </pc:spChg>
      </pc:sldChg>
      <pc:sldChg chg="addSp delSp modSp new add del mod">
        <pc:chgData name="Merve Turhan" userId="3594cd17-5953-4511-8d53-8cfc799250e7" providerId="ADAL" clId="{01E56475-575D-4CD2-B720-B8D0ED314503}" dt="2022-02-22T11:44:03.847" v="8825" actId="2696"/>
        <pc:sldMkLst>
          <pc:docMk/>
          <pc:sldMk cId="3151120692" sldId="550"/>
        </pc:sldMkLst>
        <pc:spChg chg="mod">
          <ac:chgData name="Merve Turhan" userId="3594cd17-5953-4511-8d53-8cfc799250e7" providerId="ADAL" clId="{01E56475-575D-4CD2-B720-B8D0ED314503}" dt="2022-02-22T06:28:53.564" v="6276" actId="20577"/>
          <ac:spMkLst>
            <pc:docMk/>
            <pc:sldMk cId="3151120692" sldId="550"/>
            <ac:spMk id="2" creationId="{EE7A94D2-1978-40C1-8789-9BB226814F57}"/>
          </ac:spMkLst>
        </pc:spChg>
        <pc:spChg chg="del">
          <ac:chgData name="Merve Turhan" userId="3594cd17-5953-4511-8d53-8cfc799250e7" providerId="ADAL" clId="{01E56475-575D-4CD2-B720-B8D0ED314503}" dt="2022-02-22T06:31:23.688" v="6284" actId="478"/>
          <ac:spMkLst>
            <pc:docMk/>
            <pc:sldMk cId="3151120692" sldId="550"/>
            <ac:spMk id="3" creationId="{491D67BB-0FDA-4318-95CB-97D3B64AB9E5}"/>
          </ac:spMkLst>
        </pc:spChg>
        <pc:graphicFrameChg chg="add mod modGraphic">
          <ac:chgData name="Merve Turhan" userId="3594cd17-5953-4511-8d53-8cfc799250e7" providerId="ADAL" clId="{01E56475-575D-4CD2-B720-B8D0ED314503}" dt="2022-02-22T09:57:32.878" v="8295" actId="20577"/>
          <ac:graphicFrameMkLst>
            <pc:docMk/>
            <pc:sldMk cId="3151120692" sldId="550"/>
            <ac:graphicFrameMk id="4" creationId="{E9A68F77-AFBB-4B6D-A8A6-3AF8DBA052C9}"/>
          </ac:graphicFrameMkLst>
        </pc:graphicFrameChg>
      </pc:sldChg>
      <pc:sldChg chg="modSp add del mod">
        <pc:chgData name="Merve Turhan" userId="3594cd17-5953-4511-8d53-8cfc799250e7" providerId="ADAL" clId="{01E56475-575D-4CD2-B720-B8D0ED314503}" dt="2022-02-22T11:44:03.847" v="8825" actId="2696"/>
        <pc:sldMkLst>
          <pc:docMk/>
          <pc:sldMk cId="1955253567" sldId="551"/>
        </pc:sldMkLst>
        <pc:graphicFrameChg chg="mod modGraphic">
          <ac:chgData name="Merve Turhan" userId="3594cd17-5953-4511-8d53-8cfc799250e7" providerId="ADAL" clId="{01E56475-575D-4CD2-B720-B8D0ED314503}" dt="2022-02-22T09:53:31.502" v="8254" actId="20577"/>
          <ac:graphicFrameMkLst>
            <pc:docMk/>
            <pc:sldMk cId="1955253567" sldId="551"/>
            <ac:graphicFrameMk id="4" creationId="{E9A68F77-AFBB-4B6D-A8A6-3AF8DBA052C9}"/>
          </ac:graphicFrameMkLst>
        </pc:graphicFrameChg>
      </pc:sldChg>
      <pc:sldChg chg="modSp add mod">
        <pc:chgData name="Merve Turhan" userId="3594cd17-5953-4511-8d53-8cfc799250e7" providerId="ADAL" clId="{01E56475-575D-4CD2-B720-B8D0ED314503}" dt="2022-02-23T18:30:59.913" v="11686" actId="790"/>
        <pc:sldMkLst>
          <pc:docMk/>
          <pc:sldMk cId="2077603358" sldId="551"/>
        </pc:sldMkLst>
        <pc:spChg chg="mod">
          <ac:chgData name="Merve Turhan" userId="3594cd17-5953-4511-8d53-8cfc799250e7" providerId="ADAL" clId="{01E56475-575D-4CD2-B720-B8D0ED314503}" dt="2022-02-23T18:30:59.913" v="11686" actId="790"/>
          <ac:spMkLst>
            <pc:docMk/>
            <pc:sldMk cId="2077603358" sldId="551"/>
            <ac:spMk id="2" creationId="{EE7A94D2-1978-40C1-8789-9BB226814F57}"/>
          </ac:spMkLst>
        </pc:spChg>
      </pc:sldChg>
      <pc:sldChg chg="addSp delSp modSp add mod">
        <pc:chgData name="Merve Turhan" userId="3594cd17-5953-4511-8d53-8cfc799250e7" providerId="ADAL" clId="{01E56475-575D-4CD2-B720-B8D0ED314503}" dt="2022-02-24T09:08:24.194" v="13770" actId="20577"/>
        <pc:sldMkLst>
          <pc:docMk/>
          <pc:sldMk cId="1324455309" sldId="552"/>
        </pc:sldMkLst>
        <pc:spChg chg="mod">
          <ac:chgData name="Merve Turhan" userId="3594cd17-5953-4511-8d53-8cfc799250e7" providerId="ADAL" clId="{01E56475-575D-4CD2-B720-B8D0ED314503}" dt="2022-02-23T18:30:59.896" v="11673" actId="790"/>
          <ac:spMkLst>
            <pc:docMk/>
            <pc:sldMk cId="1324455309" sldId="552"/>
            <ac:spMk id="2" creationId="{5552E3F4-9A06-4671-B090-DF3C6F71903B}"/>
          </ac:spMkLst>
        </pc:spChg>
        <pc:spChg chg="add del mod">
          <ac:chgData name="Merve Turhan" userId="3594cd17-5953-4511-8d53-8cfc799250e7" providerId="ADAL" clId="{01E56475-575D-4CD2-B720-B8D0ED314503}" dt="2022-02-22T08:25:53.330" v="7576" actId="478"/>
          <ac:spMkLst>
            <pc:docMk/>
            <pc:sldMk cId="1324455309" sldId="552"/>
            <ac:spMk id="6" creationId="{FE9042FE-BA83-4076-BD07-115994CD525A}"/>
          </ac:spMkLst>
        </pc:spChg>
        <pc:spChg chg="add mod">
          <ac:chgData name="Merve Turhan" userId="3594cd17-5953-4511-8d53-8cfc799250e7" providerId="ADAL" clId="{01E56475-575D-4CD2-B720-B8D0ED314503}" dt="2022-02-24T09:08:24.194" v="13770" actId="20577"/>
          <ac:spMkLst>
            <pc:docMk/>
            <pc:sldMk cId="1324455309" sldId="552"/>
            <ac:spMk id="8" creationId="{527C700A-4427-45BF-BCA3-9176F794F772}"/>
          </ac:spMkLst>
        </pc:spChg>
        <pc:spChg chg="add mod">
          <ac:chgData name="Merve Turhan" userId="3594cd17-5953-4511-8d53-8cfc799250e7" providerId="ADAL" clId="{01E56475-575D-4CD2-B720-B8D0ED314503}" dt="2022-02-24T09:06:51.983" v="13723" actId="1076"/>
          <ac:spMkLst>
            <pc:docMk/>
            <pc:sldMk cId="1324455309" sldId="552"/>
            <ac:spMk id="9" creationId="{F00BFEF7-5DFD-451D-9269-8E7C403BE6BF}"/>
          </ac:spMkLst>
        </pc:spChg>
        <pc:spChg chg="add mod">
          <ac:chgData name="Merve Turhan" userId="3594cd17-5953-4511-8d53-8cfc799250e7" providerId="ADAL" clId="{01E56475-575D-4CD2-B720-B8D0ED314503}" dt="2022-02-24T09:07:08.680" v="13731" actId="20577"/>
          <ac:spMkLst>
            <pc:docMk/>
            <pc:sldMk cId="1324455309" sldId="552"/>
            <ac:spMk id="10" creationId="{1D460873-C4BB-460A-B3FC-A6A7EFBF0BA0}"/>
          </ac:spMkLst>
        </pc:spChg>
        <pc:picChg chg="del mod">
          <ac:chgData name="Merve Turhan" userId="3594cd17-5953-4511-8d53-8cfc799250e7" providerId="ADAL" clId="{01E56475-575D-4CD2-B720-B8D0ED314503}" dt="2022-02-22T08:25:30.955" v="7571" actId="478"/>
          <ac:picMkLst>
            <pc:docMk/>
            <pc:sldMk cId="1324455309" sldId="552"/>
            <ac:picMk id="5" creationId="{C4E78565-4037-4AAC-9BE0-360ECF1CD188}"/>
          </ac:picMkLst>
        </pc:picChg>
        <pc:picChg chg="mod">
          <ac:chgData name="Merve Turhan" userId="3594cd17-5953-4511-8d53-8cfc799250e7" providerId="ADAL" clId="{01E56475-575D-4CD2-B720-B8D0ED314503}" dt="2022-02-24T09:06:55.252" v="13724" actId="14100"/>
          <ac:picMkLst>
            <pc:docMk/>
            <pc:sldMk cId="1324455309" sldId="552"/>
            <ac:picMk id="7" creationId="{CE509DD8-DABB-4ABF-9570-8B41232C903F}"/>
          </ac:picMkLst>
        </pc:picChg>
      </pc:sldChg>
      <pc:sldChg chg="modSp add mod ord modAnim">
        <pc:chgData name="Merve Turhan" userId="3594cd17-5953-4511-8d53-8cfc799250e7" providerId="ADAL" clId="{01E56475-575D-4CD2-B720-B8D0ED314503}" dt="2022-02-24T11:55:41.223" v="14270" actId="5793"/>
        <pc:sldMkLst>
          <pc:docMk/>
          <pc:sldMk cId="398449080" sldId="553"/>
        </pc:sldMkLst>
        <pc:spChg chg="mod">
          <ac:chgData name="Merve Turhan" userId="3594cd17-5953-4511-8d53-8cfc799250e7" providerId="ADAL" clId="{01E56475-575D-4CD2-B720-B8D0ED314503}" dt="2022-02-23T18:30:59.886" v="11662" actId="790"/>
          <ac:spMkLst>
            <pc:docMk/>
            <pc:sldMk cId="398449080" sldId="553"/>
            <ac:spMk id="2" creationId="{5552E3F4-9A06-4671-B090-DF3C6F71903B}"/>
          </ac:spMkLst>
        </pc:spChg>
        <pc:spChg chg="mod">
          <ac:chgData name="Merve Turhan" userId="3594cd17-5953-4511-8d53-8cfc799250e7" providerId="ADAL" clId="{01E56475-575D-4CD2-B720-B8D0ED314503}" dt="2022-02-23T18:30:59.887" v="11663" actId="790"/>
          <ac:spMkLst>
            <pc:docMk/>
            <pc:sldMk cId="398449080" sldId="553"/>
            <ac:spMk id="11" creationId="{40DF9E16-FDDF-4F36-92F7-2C33F6D7DA15}"/>
          </ac:spMkLst>
        </pc:spChg>
        <pc:spChg chg="mod">
          <ac:chgData name="Merve Turhan" userId="3594cd17-5953-4511-8d53-8cfc799250e7" providerId="ADAL" clId="{01E56475-575D-4CD2-B720-B8D0ED314503}" dt="2022-02-24T11:55:41.223" v="14270" actId="5793"/>
          <ac:spMkLst>
            <pc:docMk/>
            <pc:sldMk cId="398449080" sldId="553"/>
            <ac:spMk id="12" creationId="{D643F25B-8492-4DBB-97E5-26AEE18BC390}"/>
          </ac:spMkLst>
        </pc:spChg>
      </pc:sldChg>
      <pc:sldChg chg="addSp delSp modSp add del mod modAnim modShow">
        <pc:chgData name="Merve Turhan" userId="3594cd17-5953-4511-8d53-8cfc799250e7" providerId="ADAL" clId="{01E56475-575D-4CD2-B720-B8D0ED314503}" dt="2022-02-23T22:49:25.471" v="13118" actId="47"/>
        <pc:sldMkLst>
          <pc:docMk/>
          <pc:sldMk cId="2952906683" sldId="554"/>
        </pc:sldMkLst>
        <pc:spChg chg="mod">
          <ac:chgData name="Merve Turhan" userId="3594cd17-5953-4511-8d53-8cfc799250e7" providerId="ADAL" clId="{01E56475-575D-4CD2-B720-B8D0ED314503}" dt="2022-02-23T18:30:59.892" v="11668" actId="790"/>
          <ac:spMkLst>
            <pc:docMk/>
            <pc:sldMk cId="2952906683" sldId="554"/>
            <ac:spMk id="2" creationId="{5552E3F4-9A06-4671-B090-DF3C6F71903B}"/>
          </ac:spMkLst>
        </pc:spChg>
        <pc:spChg chg="mod">
          <ac:chgData name="Merve Turhan" userId="3594cd17-5953-4511-8d53-8cfc799250e7" providerId="ADAL" clId="{01E56475-575D-4CD2-B720-B8D0ED314503}" dt="2022-02-23T18:30:59.892" v="11669" actId="790"/>
          <ac:spMkLst>
            <pc:docMk/>
            <pc:sldMk cId="2952906683" sldId="554"/>
            <ac:spMk id="11" creationId="{40DF9E16-FDDF-4F36-92F7-2C33F6D7DA15}"/>
          </ac:spMkLst>
        </pc:spChg>
        <pc:spChg chg="mod">
          <ac:chgData name="Merve Turhan" userId="3594cd17-5953-4511-8d53-8cfc799250e7" providerId="ADAL" clId="{01E56475-575D-4CD2-B720-B8D0ED314503}" dt="2022-02-23T18:30:59.893" v="11670"/>
          <ac:spMkLst>
            <pc:docMk/>
            <pc:sldMk cId="2952906683" sldId="554"/>
            <ac:spMk id="12" creationId="{D643F25B-8492-4DBB-97E5-26AEE18BC390}"/>
          </ac:spMkLst>
        </pc:spChg>
        <pc:picChg chg="add del mod">
          <ac:chgData name="Merve Turhan" userId="3594cd17-5953-4511-8d53-8cfc799250e7" providerId="ADAL" clId="{01E56475-575D-4CD2-B720-B8D0ED314503}" dt="2022-02-22T08:06:29.404" v="7440" actId="478"/>
          <ac:picMkLst>
            <pc:docMk/>
            <pc:sldMk cId="2952906683" sldId="554"/>
            <ac:picMk id="4" creationId="{C5565238-7F2C-446F-B100-DEA8683A45D4}"/>
          </ac:picMkLst>
        </pc:picChg>
        <pc:picChg chg="add mod">
          <ac:chgData name="Merve Turhan" userId="3594cd17-5953-4511-8d53-8cfc799250e7" providerId="ADAL" clId="{01E56475-575D-4CD2-B720-B8D0ED314503}" dt="2022-02-22T08:10:54.243" v="7445" actId="14100"/>
          <ac:picMkLst>
            <pc:docMk/>
            <pc:sldMk cId="2952906683" sldId="554"/>
            <ac:picMk id="6" creationId="{489406FB-7828-4CB3-A27F-ECC80819256E}"/>
          </ac:picMkLst>
        </pc:picChg>
      </pc:sldChg>
      <pc:sldChg chg="addSp delSp modSp add mod delAnim modAnim modShow modNotesTx">
        <pc:chgData name="Merve Turhan" userId="3594cd17-5953-4511-8d53-8cfc799250e7" providerId="ADAL" clId="{01E56475-575D-4CD2-B720-B8D0ED314503}" dt="2022-02-25T11:52:42.911" v="14763" actId="14100"/>
        <pc:sldMkLst>
          <pc:docMk/>
          <pc:sldMk cId="67517722" sldId="555"/>
        </pc:sldMkLst>
        <pc:spChg chg="mod">
          <ac:chgData name="Merve Turhan" userId="3594cd17-5953-4511-8d53-8cfc799250e7" providerId="ADAL" clId="{01E56475-575D-4CD2-B720-B8D0ED314503}" dt="2022-02-23T18:30:59.876" v="11627"/>
          <ac:spMkLst>
            <pc:docMk/>
            <pc:sldMk cId="67517722" sldId="555"/>
            <ac:spMk id="2" creationId="{769D6A69-CA26-4F52-AC72-6E3BAB115F6E}"/>
          </ac:spMkLst>
        </pc:spChg>
        <pc:spChg chg="mod">
          <ac:chgData name="Merve Turhan" userId="3594cd17-5953-4511-8d53-8cfc799250e7" providerId="ADAL" clId="{01E56475-575D-4CD2-B720-B8D0ED314503}" dt="2022-02-25T11:52:42.911" v="14763" actId="14100"/>
          <ac:spMkLst>
            <pc:docMk/>
            <pc:sldMk cId="67517722" sldId="555"/>
            <ac:spMk id="3" creationId="{564CE5E3-F3B4-4237-88B0-E6459D52AB6F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4" creationId="{8D1B08C6-84B0-4CAB-99A8-6B05FACCFB68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5" creationId="{29F2DF52-DBAC-44C7-96B0-F07A3378557C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6" creationId="{59F27082-D315-413C-AA36-1CD9776A90E3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7" creationId="{D6E72D87-12B6-43D3-88F6-75EEA447F935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8" creationId="{1640211A-D611-4A80-ACB7-D4DC6E04E250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9" creationId="{9406963F-4B96-45FD-81D7-231AA8DB8EF9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10" creationId="{A161401B-8407-43DC-B6F7-7F531842B358}"/>
          </ac:spMkLst>
        </pc:spChg>
        <pc:spChg chg="add mod">
          <ac:chgData name="Merve Turhan" userId="3594cd17-5953-4511-8d53-8cfc799250e7" providerId="ADAL" clId="{01E56475-575D-4CD2-B720-B8D0ED314503}" dt="2022-02-23T18:30:59.880" v="11643"/>
          <ac:spMkLst>
            <pc:docMk/>
            <pc:sldMk cId="67517722" sldId="555"/>
            <ac:spMk id="11" creationId="{08333086-DF1F-449D-AE6F-51118ED5ADB5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12" creationId="{A5C16340-C54C-476D-BB2A-2D330FC8B22D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14" creationId="{A3A76F6A-C92D-41C3-AE83-5EBC01AA8ADA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16" creationId="{7468A735-DFD0-4EE7-93A6-5B794598D2EE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19" creationId="{4ED20295-E8F9-4FAE-85A8-FBF6CCC1F26C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22" creationId="{93C9BA85-3C61-4877-9F37-BEE277DD0130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23" creationId="{1EE719FC-F53E-4633-814E-9C9D2FEC5543}"/>
          </ac:spMkLst>
        </pc:spChg>
        <pc:spChg chg="del">
          <ac:chgData name="Merve Turhan" userId="3594cd17-5953-4511-8d53-8cfc799250e7" providerId="ADAL" clId="{01E56475-575D-4CD2-B720-B8D0ED314503}" dt="2022-02-22T07:41:32.126" v="7249" actId="478"/>
          <ac:spMkLst>
            <pc:docMk/>
            <pc:sldMk cId="67517722" sldId="555"/>
            <ac:spMk id="24" creationId="{27FD9022-3BDA-4679-89ED-6CE2833935CF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26" creationId="{138D257A-DD0A-4873-84C8-F62A958A5013}"/>
          </ac:spMkLst>
        </pc:spChg>
        <pc:spChg chg="del">
          <ac:chgData name="Merve Turhan" userId="3594cd17-5953-4511-8d53-8cfc799250e7" providerId="ADAL" clId="{01E56475-575D-4CD2-B720-B8D0ED314503}" dt="2022-02-22T07:41:24.836" v="7247" actId="478"/>
          <ac:spMkLst>
            <pc:docMk/>
            <pc:sldMk cId="67517722" sldId="555"/>
            <ac:spMk id="29" creationId="{E0786F51-C5CB-4C5D-8AD3-9CD5D5927783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30" creationId="{3FC9DE31-3087-4F90-9F18-C17EDFD5231B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1" creationId="{185D528C-CB9A-41AC-A6F8-2A07543B8067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2" creationId="{EB472A26-EE0A-4D3A-8735-FD86655C050D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3" creationId="{A070243D-8FB0-4177-BA75-8263F4375F7B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4" creationId="{6AD41254-F793-4ABC-A722-F9779BE452A5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5" creationId="{C386199D-90CB-4704-A666-D506EF7DF680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6" creationId="{89C425DD-3CC7-4A1C-B3F6-1DE8ECF79519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7" creationId="{A7A2A770-DA83-4BB0-BA1D-6709A917FCB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8" creationId="{E424A455-3109-4C4F-8D12-0AAB00DD8AC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9" creationId="{FA0C6342-AF25-4331-AA09-04D6535DFB4B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0" creationId="{719CB78A-77FC-4B57-AA82-EAC82188153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1" creationId="{D27A7D20-751E-4F57-843B-D8CA011C7335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2" creationId="{6201E5BD-758C-4CF5-AB18-AE6C3E29CD14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3" creationId="{8C8CA72F-9B2D-48C0-9637-88527BCDBE53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4" creationId="{B4D158AA-300F-4C97-B350-59746068D1CA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5" creationId="{2DB700D7-135F-4226-86BF-8B92DE8A5680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6" creationId="{4942350A-B322-4041-B59D-BAC324259C1E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7" creationId="{0A11DAC9-3A96-4DA4-AB6F-7A200A53BCF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8" creationId="{631FB6F7-3423-4823-8F78-7A59DFACEF35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9" creationId="{605A3F8D-53DC-4139-A6F2-7E499ACC01D0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0" creationId="{41DBC113-104A-45A8-A3B2-EB1BCAD81ED4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1" creationId="{141DE8F3-98B0-4C82-A5BE-22DE41ACB3A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2" creationId="{86A604D0-0D72-4713-BCB3-6EF28F786FA8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3" creationId="{5FF64C2C-672E-4D9E-B52B-872A624A9FEC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4" creationId="{7E7D3378-D259-4509-9F44-EBB4EA8999A6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5" creationId="{2136EE03-8AD6-4021-85DB-07AEBE8A557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6" creationId="{B15E3E85-227F-4465-9466-D9A3B633E3FD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7" creationId="{FE47F441-0225-4243-A22B-281871C82FFC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8" creationId="{1336993C-B9B7-45DC-B45B-57557CBA245A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59" creationId="{3894689D-008D-4422-B370-1DC1899FCA6A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0" creationId="{ED72A24A-C473-46FF-9C8C-1019C2825C51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1" creationId="{9000D796-F41E-4CB1-BFD0-566488E516C9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2" creationId="{645A237E-9F02-4BD8-B42D-CCF7A3F2DC06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3" creationId="{C5751223-DB30-40A2-8237-8DCBB726F2A8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4" creationId="{2468801D-2D6D-43BF-9B30-66AD284EEAD4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5" creationId="{1393E968-61BC-4A39-B257-7E0831732112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6" creationId="{AFCD5BB9-AC3E-4B9D-AD8A-A09F1C59DB95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7" creationId="{3E09F21F-096D-46EF-BB19-6576D06B04EB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8" creationId="{F8A4AC2B-40B7-4E97-9700-693A1F1495D3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9" creationId="{0E27AB13-97E0-4654-B16E-8FB870415C9F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0" creationId="{817604BA-D9B5-4E95-A925-30D1A67A0CC8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1" creationId="{97A8D223-D938-44A9-8939-0F3C92EB4361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2" creationId="{3418C113-5C58-46CB-BD28-76FADE3DE843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3" creationId="{16815BEE-3E20-4D61-B33E-071F10C78FBA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4" creationId="{C807690E-8D1E-4A0A-B7FC-EA9048353850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5" creationId="{200A771C-1A57-419A-B4AB-72BC0E10D3FE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6" creationId="{45EA7299-30E6-42E0-B209-979EC5B090D2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7" creationId="{477CC144-9D84-4DBE-BA94-8485C8A8329C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8" creationId="{37460D5A-1FC2-4022-8A0D-01F9E2F60AA3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9" creationId="{44C187D0-4472-44FA-B4BE-5A2B3AAF3AC4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0" creationId="{2196F9CB-ED6E-4627-B7BA-2202B944CC2F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1" creationId="{3E556A8C-4700-4287-888E-79388574ABB9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2" creationId="{341B531F-1122-48EC-9D55-8B6CEC087B16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3" creationId="{61225720-BD91-4239-8556-BDD21AD762BE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4" creationId="{4DC9747E-0738-4E17-BC51-720E5B84C2E3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5" creationId="{9003C37D-B947-4148-BF15-13A2962EA21F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6" creationId="{DAFF48E8-EC6C-4FD5-8E43-15AD4C0F82A0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87" creationId="{E352DB13-6CD4-4295-9EA8-06A7C632288E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88" creationId="{AA719A79-06E1-4D41-8948-E0BE91E0F747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89" creationId="{7A219D5D-B195-4354-A87D-6A39AE42A05D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0" creationId="{F07206B8-FE0E-4289-828C-C34334D04619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1" creationId="{8C9E760D-9196-4B51-A880-1E41E2B9F215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2" creationId="{D5EA13D0-C84F-4BCF-94F1-86C94C54A304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3" creationId="{F00BCCCA-1235-435D-BCEB-4FD3391F3449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4" creationId="{380D7918-7398-4AFA-A34C-589338332513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5" creationId="{851F0EBC-9E2D-430F-B574-2183F7D38893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6" creationId="{DCC9D4F2-B03F-4CF5-9CDF-C7F86D4F09B5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7" creationId="{D84D0141-7A9C-4B6C-8063-424B7D93FA8B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8" creationId="{428710BD-53EA-406D-BD69-B2141A8F7DD5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9" creationId="{ED0CA8FA-1744-4A61-A7AF-3F09438E162E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100" creationId="{A2EDD92C-F328-4319-BF8D-648BF8D419C3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1" creationId="{B33602D2-1B11-467E-B066-16BBBD5DDA35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2" creationId="{19B5DD22-A1DD-46AE-8B8A-D57667BCDF32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3" creationId="{A313043B-F4A0-446F-B5AA-DBB558199A93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4" creationId="{127A6BAF-C80C-4FE2-AE45-B2CB5F0DDFB0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5" creationId="{1AB39AB6-83FD-4167-A2E4-0E6472BD2514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6" creationId="{95DE1DE5-ED37-47EF-8232-B1AFDC9DD6C6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7" creationId="{A1EC5289-DAFC-493D-B9A0-0ABFD9D0DAEA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8" creationId="{DCF6AE76-F1A4-414C-98CF-BE4C2535A838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9" creationId="{29D12A51-B7DE-4FFA-8D0C-BD3CC178AD80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0" creationId="{10BCE88A-DE6B-4CFE-9A10-0479516D7BA3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1" creationId="{BCE1FFF1-434C-4449-BC5A-A24BCA51198E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2" creationId="{AB125444-A78A-4CD4-B041-0C2F89B9A2C8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3" creationId="{A188637A-2190-4883-A83C-A458E28C34CE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4" creationId="{E2BC1C4B-6B78-44E6-8251-E0B7D4F6F22D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5" creationId="{BF571AAD-F312-4191-887A-8FFA06083563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16" creationId="{852D2894-CE12-44CA-8CAF-6DB7E2ADE4E6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17" creationId="{B962B91E-888E-428D-BCC9-B03C4B0B6CB8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18" creationId="{94AED1F7-F1CB-4958-B589-43A8E466F2BB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19" creationId="{FC97681C-D28C-469D-8FED-81B155AEF668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0" creationId="{93B3C59D-215D-4D5A-8F58-638672C1D726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1" creationId="{B2553CE3-7CDB-4E68-87B2-B5F94D403289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2" creationId="{C598E41E-C5EE-474D-876E-E8E8230F59EB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3" creationId="{8394D255-3979-450C-9487-07B7A3D3BD00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4" creationId="{621FD6B4-CA3B-42DC-B082-E09826B22CBA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5" creationId="{9992CCCD-743C-410D-B57A-A72B7A6041A9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6" creationId="{797678B3-76B1-44A7-B6DA-07BD28DF7F12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7" creationId="{E8A25E2B-5545-4933-A5A7-63DBC7242A22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8" creationId="{182ADB63-1B54-4A63-9C92-B534D1904538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9" creationId="{E7E7FA09-E2FB-47AA-9BE7-30F7E9340752}"/>
          </ac:spMkLst>
        </pc:spChg>
        <pc:spChg chg="add mod">
          <ac:chgData name="Merve Turhan" userId="3594cd17-5953-4511-8d53-8cfc799250e7" providerId="ADAL" clId="{01E56475-575D-4CD2-B720-B8D0ED314503}" dt="2022-02-24T10:30:10.422" v="14207" actId="1076"/>
          <ac:spMkLst>
            <pc:docMk/>
            <pc:sldMk cId="67517722" sldId="555"/>
            <ac:spMk id="130" creationId="{0F4F0CEC-373E-4C53-AC94-BAB1ECB8C185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1" creationId="{810C1DCC-043B-4F4F-9FCE-B7CAECEBB59B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2" creationId="{0BAF8157-F3FC-4065-A770-5A7CF06435C1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3" creationId="{BF34F5F6-A65E-41F4-ACBC-F7E10D970078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4" creationId="{B019C19F-0B65-487D-96E1-9DF4E4C7CC5F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5" creationId="{E4DF4CCA-A262-44C0-A68C-34B4DDCDF6E6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6" creationId="{2A0CD57C-F30E-43F5-89E1-DF63A33FDD8B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7" creationId="{8C477514-FD14-4D66-B6FF-6888D6B36110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8" creationId="{0051CFCA-669A-45D6-9536-6D29E6DA0811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9" creationId="{557DD462-77A9-47E1-8B74-1C0F8090C2BC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0" creationId="{F732755F-3342-42BF-9A86-4111BDAD3F28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1" creationId="{39DDA617-CC74-4734-B304-56F7736BBFEB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2" creationId="{B3948E41-55C6-4080-B523-5BA30A1495B4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3" creationId="{D479379F-AF4F-470D-92D6-997AAE8D2BED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4" creationId="{AFC9E85A-0E29-48E5-BE99-4D314DDE0A9D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5" creationId="{9DD8AF8A-A2F9-49C0-8E8F-22C9D9891FFC}"/>
          </ac:spMkLst>
        </pc:spChg>
        <pc:picChg chg="del">
          <ac:chgData name="Merve Turhan" userId="3594cd17-5953-4511-8d53-8cfc799250e7" providerId="ADAL" clId="{01E56475-575D-4CD2-B720-B8D0ED314503}" dt="2022-02-22T07:41:29.460" v="7248" actId="478"/>
          <ac:picMkLst>
            <pc:docMk/>
            <pc:sldMk cId="67517722" sldId="555"/>
            <ac:picMk id="17" creationId="{E6387353-899D-4CF1-8976-D3E3DE05DEC7}"/>
          </ac:picMkLst>
        </pc:picChg>
        <pc:picChg chg="del">
          <ac:chgData name="Merve Turhan" userId="3594cd17-5953-4511-8d53-8cfc799250e7" providerId="ADAL" clId="{01E56475-575D-4CD2-B720-B8D0ED314503}" dt="2022-02-22T07:41:29.460" v="7248" actId="478"/>
          <ac:picMkLst>
            <pc:docMk/>
            <pc:sldMk cId="67517722" sldId="555"/>
            <ac:picMk id="20" creationId="{00513AEB-2E0F-488C-AFE3-2BF89B4A5346}"/>
          </ac:picMkLst>
        </pc:picChg>
        <pc:picChg chg="del">
          <ac:chgData name="Merve Turhan" userId="3594cd17-5953-4511-8d53-8cfc799250e7" providerId="ADAL" clId="{01E56475-575D-4CD2-B720-B8D0ED314503}" dt="2022-02-22T07:41:29.460" v="7248" actId="478"/>
          <ac:picMkLst>
            <pc:docMk/>
            <pc:sldMk cId="67517722" sldId="555"/>
            <ac:picMk id="28" creationId="{FD890259-1EAF-466E-A58D-11D6E7541E60}"/>
          </ac:picMkLst>
        </pc:pic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13" creationId="{C5CEE47E-C90A-46BD-9435-DECA5AD98073}"/>
          </ac:cxnSpMkLst>
        </pc:cxn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15" creationId="{9F7A7DD0-B047-43E3-A77E-0E141094BC3C}"/>
          </ac:cxnSpMkLst>
        </pc:cxn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18" creationId="{CD4EC53E-E898-4657-B5E3-97BBA9C6ED5D}"/>
          </ac:cxnSpMkLst>
        </pc:cxn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21" creationId="{84D8674C-7255-427E-8F71-A87E0C88B906}"/>
          </ac:cxnSpMkLst>
        </pc:cxn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27" creationId="{CB072DFA-6288-448A-85D4-B392043B6DC2}"/>
          </ac:cxnSpMkLst>
        </pc:cxnChg>
      </pc:sldChg>
      <pc:sldChg chg="addSp delSp modSp new mod delAnim modAnim">
        <pc:chgData name="Merve Turhan" userId="3594cd17-5953-4511-8d53-8cfc799250e7" providerId="ADAL" clId="{01E56475-575D-4CD2-B720-B8D0ED314503}" dt="2022-02-23T18:30:59.875" v="11626"/>
        <pc:sldMkLst>
          <pc:docMk/>
          <pc:sldMk cId="1802882348" sldId="556"/>
        </pc:sldMkLst>
        <pc:spChg chg="mod">
          <ac:chgData name="Merve Turhan" userId="3594cd17-5953-4511-8d53-8cfc799250e7" providerId="ADAL" clId="{01E56475-575D-4CD2-B720-B8D0ED314503}" dt="2022-02-23T18:30:59.868" v="11607" actId="790"/>
          <ac:spMkLst>
            <pc:docMk/>
            <pc:sldMk cId="1802882348" sldId="556"/>
            <ac:spMk id="2" creationId="{289C855B-B271-4DF3-A130-29257A8C7D01}"/>
          </ac:spMkLst>
        </pc:spChg>
        <pc:spChg chg="del">
          <ac:chgData name="Merve Turhan" userId="3594cd17-5953-4511-8d53-8cfc799250e7" providerId="ADAL" clId="{01E56475-575D-4CD2-B720-B8D0ED314503}" dt="2022-02-22T09:43:51.839" v="8235" actId="478"/>
          <ac:spMkLst>
            <pc:docMk/>
            <pc:sldMk cId="1802882348" sldId="556"/>
            <ac:spMk id="3" creationId="{4418DA7E-F39F-4E76-996C-B4066C4A3DBE}"/>
          </ac:spMkLst>
        </pc:spChg>
        <pc:spChg chg="add mod">
          <ac:chgData name="Merve Turhan" userId="3594cd17-5953-4511-8d53-8cfc799250e7" providerId="ADAL" clId="{01E56475-575D-4CD2-B720-B8D0ED314503}" dt="2022-02-23T18:30:59.869" v="11608" actId="790"/>
          <ac:spMkLst>
            <pc:docMk/>
            <pc:sldMk cId="1802882348" sldId="556"/>
            <ac:spMk id="4" creationId="{03C9D7BB-EE49-40C4-9F39-1E4B990A0F05}"/>
          </ac:spMkLst>
        </pc:spChg>
        <pc:spChg chg="add mod">
          <ac:chgData name="Merve Turhan" userId="3594cd17-5953-4511-8d53-8cfc799250e7" providerId="ADAL" clId="{01E56475-575D-4CD2-B720-B8D0ED314503}" dt="2022-02-23T18:30:59.869" v="11609" actId="790"/>
          <ac:spMkLst>
            <pc:docMk/>
            <pc:sldMk cId="1802882348" sldId="556"/>
            <ac:spMk id="5" creationId="{F5C9720B-ACA4-4690-969C-24B745248E66}"/>
          </ac:spMkLst>
        </pc:spChg>
        <pc:spChg chg="add mod">
          <ac:chgData name="Merve Turhan" userId="3594cd17-5953-4511-8d53-8cfc799250e7" providerId="ADAL" clId="{01E56475-575D-4CD2-B720-B8D0ED314503}" dt="2022-02-23T18:30:59.870" v="11610" actId="790"/>
          <ac:spMkLst>
            <pc:docMk/>
            <pc:sldMk cId="1802882348" sldId="556"/>
            <ac:spMk id="6" creationId="{B36DC3CB-E6EA-43F0-B3B8-2065BD952D4F}"/>
          </ac:spMkLst>
        </pc:spChg>
        <pc:spChg chg="add mod">
          <ac:chgData name="Merve Turhan" userId="3594cd17-5953-4511-8d53-8cfc799250e7" providerId="ADAL" clId="{01E56475-575D-4CD2-B720-B8D0ED314503}" dt="2022-02-23T18:30:59.870" v="11611" actId="790"/>
          <ac:spMkLst>
            <pc:docMk/>
            <pc:sldMk cId="1802882348" sldId="556"/>
            <ac:spMk id="7" creationId="{837A25A2-878E-4176-8B82-809453F996A4}"/>
          </ac:spMkLst>
        </pc:spChg>
        <pc:spChg chg="add mod">
          <ac:chgData name="Merve Turhan" userId="3594cd17-5953-4511-8d53-8cfc799250e7" providerId="ADAL" clId="{01E56475-575D-4CD2-B720-B8D0ED314503}" dt="2022-02-23T18:30:59.871" v="11612"/>
          <ac:spMkLst>
            <pc:docMk/>
            <pc:sldMk cId="1802882348" sldId="556"/>
            <ac:spMk id="8" creationId="{900D739E-BE64-442D-BD47-E0918F987016}"/>
          </ac:spMkLst>
        </pc:spChg>
        <pc:spChg chg="add mod">
          <ac:chgData name="Merve Turhan" userId="3594cd17-5953-4511-8d53-8cfc799250e7" providerId="ADAL" clId="{01E56475-575D-4CD2-B720-B8D0ED314503}" dt="2022-02-23T18:30:59.871" v="11613"/>
          <ac:spMkLst>
            <pc:docMk/>
            <pc:sldMk cId="1802882348" sldId="556"/>
            <ac:spMk id="9" creationId="{00CF3216-0CA0-4936-9265-49D25103ECDC}"/>
          </ac:spMkLst>
        </pc:spChg>
        <pc:spChg chg="add mod">
          <ac:chgData name="Merve Turhan" userId="3594cd17-5953-4511-8d53-8cfc799250e7" providerId="ADAL" clId="{01E56475-575D-4CD2-B720-B8D0ED314503}" dt="2022-02-23T18:30:59.871" v="11614"/>
          <ac:spMkLst>
            <pc:docMk/>
            <pc:sldMk cId="1802882348" sldId="556"/>
            <ac:spMk id="10" creationId="{0DD731A1-8A9E-466D-8BDD-EBC1FCE77ABA}"/>
          </ac:spMkLst>
        </pc:spChg>
        <pc:spChg chg="add mod">
          <ac:chgData name="Merve Turhan" userId="3594cd17-5953-4511-8d53-8cfc799250e7" providerId="ADAL" clId="{01E56475-575D-4CD2-B720-B8D0ED314503}" dt="2022-02-23T18:30:59.871" v="11615"/>
          <ac:spMkLst>
            <pc:docMk/>
            <pc:sldMk cId="1802882348" sldId="556"/>
            <ac:spMk id="11" creationId="{E4BAF583-060F-4371-ABC6-969E1EA0C018}"/>
          </ac:spMkLst>
        </pc:spChg>
        <pc:spChg chg="add mod">
          <ac:chgData name="Merve Turhan" userId="3594cd17-5953-4511-8d53-8cfc799250e7" providerId="ADAL" clId="{01E56475-575D-4CD2-B720-B8D0ED314503}" dt="2022-02-23T18:30:59.872" v="11616"/>
          <ac:spMkLst>
            <pc:docMk/>
            <pc:sldMk cId="1802882348" sldId="556"/>
            <ac:spMk id="12" creationId="{04656CC6-B513-47B3-8D73-1855B58FBD14}"/>
          </ac:spMkLst>
        </pc:spChg>
        <pc:spChg chg="add mod">
          <ac:chgData name="Merve Turhan" userId="3594cd17-5953-4511-8d53-8cfc799250e7" providerId="ADAL" clId="{01E56475-575D-4CD2-B720-B8D0ED314503}" dt="2022-02-23T18:30:59.872" v="11617"/>
          <ac:spMkLst>
            <pc:docMk/>
            <pc:sldMk cId="1802882348" sldId="556"/>
            <ac:spMk id="13" creationId="{CDA79502-C110-43CA-9B73-7AB475DB5544}"/>
          </ac:spMkLst>
        </pc:spChg>
        <pc:spChg chg="add mod">
          <ac:chgData name="Merve Turhan" userId="3594cd17-5953-4511-8d53-8cfc799250e7" providerId="ADAL" clId="{01E56475-575D-4CD2-B720-B8D0ED314503}" dt="2022-02-23T18:30:59.872" v="11618"/>
          <ac:spMkLst>
            <pc:docMk/>
            <pc:sldMk cId="1802882348" sldId="556"/>
            <ac:spMk id="14" creationId="{B542CD9C-091C-4734-89A0-D6AAEF58A0B5}"/>
          </ac:spMkLst>
        </pc:spChg>
        <pc:spChg chg="add mod">
          <ac:chgData name="Merve Turhan" userId="3594cd17-5953-4511-8d53-8cfc799250e7" providerId="ADAL" clId="{01E56475-575D-4CD2-B720-B8D0ED314503}" dt="2022-02-23T18:30:59.873" v="11619"/>
          <ac:spMkLst>
            <pc:docMk/>
            <pc:sldMk cId="1802882348" sldId="556"/>
            <ac:spMk id="23" creationId="{4237CD61-769A-4599-9DC0-4DF911A26E77}"/>
          </ac:spMkLst>
        </pc:spChg>
        <pc:spChg chg="add mod">
          <ac:chgData name="Merve Turhan" userId="3594cd17-5953-4511-8d53-8cfc799250e7" providerId="ADAL" clId="{01E56475-575D-4CD2-B720-B8D0ED314503}" dt="2022-02-23T18:30:59.873" v="11620"/>
          <ac:spMkLst>
            <pc:docMk/>
            <pc:sldMk cId="1802882348" sldId="556"/>
            <ac:spMk id="24" creationId="{B9DBF4D1-F5C5-4C48-8B76-08A17C8DB6CC}"/>
          </ac:spMkLst>
        </pc:spChg>
        <pc:spChg chg="add mod">
          <ac:chgData name="Merve Turhan" userId="3594cd17-5953-4511-8d53-8cfc799250e7" providerId="ADAL" clId="{01E56475-575D-4CD2-B720-B8D0ED314503}" dt="2022-02-23T18:30:59.874" v="11621" actId="790"/>
          <ac:spMkLst>
            <pc:docMk/>
            <pc:sldMk cId="1802882348" sldId="556"/>
            <ac:spMk id="25" creationId="{C04FDA6E-DB7D-45E5-94DD-CAC5A4DC894F}"/>
          </ac:spMkLst>
        </pc:spChg>
        <pc:spChg chg="add mod">
          <ac:chgData name="Merve Turhan" userId="3594cd17-5953-4511-8d53-8cfc799250e7" providerId="ADAL" clId="{01E56475-575D-4CD2-B720-B8D0ED314503}" dt="2022-02-23T18:30:59.874" v="11622" actId="790"/>
          <ac:spMkLst>
            <pc:docMk/>
            <pc:sldMk cId="1802882348" sldId="556"/>
            <ac:spMk id="26" creationId="{3F60959F-7E8D-4C46-8ED6-F53553DA074A}"/>
          </ac:spMkLst>
        </pc:spChg>
        <pc:spChg chg="add mod">
          <ac:chgData name="Merve Turhan" userId="3594cd17-5953-4511-8d53-8cfc799250e7" providerId="ADAL" clId="{01E56475-575D-4CD2-B720-B8D0ED314503}" dt="2022-02-23T18:30:59.874" v="11623"/>
          <ac:spMkLst>
            <pc:docMk/>
            <pc:sldMk cId="1802882348" sldId="556"/>
            <ac:spMk id="27" creationId="{406D7816-225B-45AD-AEA9-1066BFE82892}"/>
          </ac:spMkLst>
        </pc:spChg>
        <pc:spChg chg="add mod">
          <ac:chgData name="Merve Turhan" userId="3594cd17-5953-4511-8d53-8cfc799250e7" providerId="ADAL" clId="{01E56475-575D-4CD2-B720-B8D0ED314503}" dt="2022-02-23T18:30:59.875" v="11624"/>
          <ac:spMkLst>
            <pc:docMk/>
            <pc:sldMk cId="1802882348" sldId="556"/>
            <ac:spMk id="28" creationId="{D0E89D0B-BA29-43C3-B665-D3ED403DA189}"/>
          </ac:spMkLst>
        </pc:spChg>
        <pc:spChg chg="add mod">
          <ac:chgData name="Merve Turhan" userId="3594cd17-5953-4511-8d53-8cfc799250e7" providerId="ADAL" clId="{01E56475-575D-4CD2-B720-B8D0ED314503}" dt="2022-02-23T18:30:59.875" v="11625"/>
          <ac:spMkLst>
            <pc:docMk/>
            <pc:sldMk cId="1802882348" sldId="556"/>
            <ac:spMk id="30" creationId="{673202F9-7A0E-44B9-9602-3654D20F81D7}"/>
          </ac:spMkLst>
        </pc:spChg>
        <pc:spChg chg="add mod">
          <ac:chgData name="Merve Turhan" userId="3594cd17-5953-4511-8d53-8cfc799250e7" providerId="ADAL" clId="{01E56475-575D-4CD2-B720-B8D0ED314503}" dt="2022-02-23T18:30:59.875" v="11626"/>
          <ac:spMkLst>
            <pc:docMk/>
            <pc:sldMk cId="1802882348" sldId="556"/>
            <ac:spMk id="32" creationId="{71885AAB-EC85-4FC3-9D45-3416440BEFAC}"/>
          </ac:spMkLst>
        </pc:spChg>
        <pc:spChg chg="add del mod">
          <ac:chgData name="Merve Turhan" userId="3594cd17-5953-4511-8d53-8cfc799250e7" providerId="ADAL" clId="{01E56475-575D-4CD2-B720-B8D0ED314503}" dt="2022-02-22T09:43:48.557" v="8233" actId="478"/>
          <ac:spMkLst>
            <pc:docMk/>
            <pc:sldMk cId="1802882348" sldId="556"/>
            <ac:spMk id="34" creationId="{6F67BC42-73C9-4344-8D28-30E1102D63C4}"/>
          </ac:spMkLst>
        </pc:spChg>
        <pc:spChg chg="add del mod">
          <ac:chgData name="Merve Turhan" userId="3594cd17-5953-4511-8d53-8cfc799250e7" providerId="ADAL" clId="{01E56475-575D-4CD2-B720-B8D0ED314503}" dt="2022-02-22T09:43:49.767" v="8234" actId="478"/>
          <ac:spMkLst>
            <pc:docMk/>
            <pc:sldMk cId="1802882348" sldId="556"/>
            <ac:spMk id="35" creationId="{FB73E97C-8A56-4707-9692-1CAEA4BFD496}"/>
          </ac:spMkLst>
        </pc:sp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5" creationId="{66FC6678-185D-43DC-9A4D-01D13713E9BB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6" creationId="{E58D6EA9-1342-46F3-AA0D-10DD415ADCD4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7" creationId="{91192CAB-6346-4909-8E89-522D94CE7765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8" creationId="{2F110D46-12F0-4B87-9CA6-C32232B39E20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9" creationId="{65CEFA62-C316-46FC-80DA-EE98C5F92A6C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20" creationId="{F5C4AAB6-D3B9-4710-B674-E0EB5BFFD6D7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21" creationId="{E65213AC-ECE6-4CF9-BA25-CE4606D4BF89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22" creationId="{39F1A01B-E5DF-4A08-8CEB-EAC26DE9943E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29" creationId="{6E7924EA-B0C6-418F-97F9-301108F4A0C6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31" creationId="{25728228-4D37-4708-A518-87C02327F5F5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33" creationId="{C903972A-145B-4EB1-804B-86E1DA4E3165}"/>
          </ac:cxnSpMkLst>
        </pc:cxnChg>
        <pc:cxnChg chg="add del mod">
          <ac:chgData name="Merve Turhan" userId="3594cd17-5953-4511-8d53-8cfc799250e7" providerId="ADAL" clId="{01E56475-575D-4CD2-B720-B8D0ED314503}" dt="2022-02-22T09:45:28.094" v="8240" actId="478"/>
          <ac:cxnSpMkLst>
            <pc:docMk/>
            <pc:sldMk cId="1802882348" sldId="556"/>
            <ac:cxnSpMk id="37" creationId="{17335602-AF84-4C2B-AF94-02B45B8B23D7}"/>
          </ac:cxnSpMkLst>
        </pc:cxnChg>
        <pc:cxnChg chg="add del mod">
          <ac:chgData name="Merve Turhan" userId="3594cd17-5953-4511-8d53-8cfc799250e7" providerId="ADAL" clId="{01E56475-575D-4CD2-B720-B8D0ED314503}" dt="2022-02-22T09:45:30.222" v="8241" actId="478"/>
          <ac:cxnSpMkLst>
            <pc:docMk/>
            <pc:sldMk cId="1802882348" sldId="556"/>
            <ac:cxnSpMk id="39" creationId="{0ADF217F-62A0-4B5E-AEB8-77F93B43DA30}"/>
          </ac:cxnSpMkLst>
        </pc:cxnChg>
      </pc:sldChg>
      <pc:sldChg chg="addSp delSp modSp add mod">
        <pc:chgData name="Merve Turhan" userId="3594cd17-5953-4511-8d53-8cfc799250e7" providerId="ADAL" clId="{01E56475-575D-4CD2-B720-B8D0ED314503}" dt="2022-02-24T07:55:23.899" v="13262" actId="1076"/>
        <pc:sldMkLst>
          <pc:docMk/>
          <pc:sldMk cId="3814535045" sldId="557"/>
        </pc:sldMkLst>
        <pc:spChg chg="add mod">
          <ac:chgData name="Merve Turhan" userId="3594cd17-5953-4511-8d53-8cfc799250e7" providerId="ADAL" clId="{01E56475-575D-4CD2-B720-B8D0ED314503}" dt="2022-02-23T22:52:09.150" v="13140" actId="1076"/>
          <ac:spMkLst>
            <pc:docMk/>
            <pc:sldMk cId="3814535045" sldId="557"/>
            <ac:spMk id="2" creationId="{E7FD2473-A1D8-4F47-BE9D-C6B8474469B5}"/>
          </ac:spMkLst>
        </pc:spChg>
        <pc:spChg chg="add mod">
          <ac:chgData name="Merve Turhan" userId="3594cd17-5953-4511-8d53-8cfc799250e7" providerId="ADAL" clId="{01E56475-575D-4CD2-B720-B8D0ED314503}" dt="2022-02-23T22:52:16.068" v="13141" actId="767"/>
          <ac:spMkLst>
            <pc:docMk/>
            <pc:sldMk cId="3814535045" sldId="557"/>
            <ac:spMk id="3" creationId="{978A330B-EE5D-4CD6-948C-7E099E3991CE}"/>
          </ac:spMkLst>
        </pc:spChg>
        <pc:spChg chg="add mod">
          <ac:chgData name="Merve Turhan" userId="3594cd17-5953-4511-8d53-8cfc799250e7" providerId="ADAL" clId="{01E56475-575D-4CD2-B720-B8D0ED314503}" dt="2022-02-24T07:55:23.899" v="13262" actId="1076"/>
          <ac:spMkLst>
            <pc:docMk/>
            <pc:sldMk cId="3814535045" sldId="557"/>
            <ac:spMk id="5" creationId="{9EE8D52B-57FD-40D5-A945-09E3F1EE5B50}"/>
          </ac:spMkLst>
        </pc:spChg>
        <pc:spChg chg="del mod">
          <ac:chgData name="Merve Turhan" userId="3594cd17-5953-4511-8d53-8cfc799250e7" providerId="ADAL" clId="{01E56475-575D-4CD2-B720-B8D0ED314503}" dt="2022-02-23T22:51:58.978" v="13138" actId="478"/>
          <ac:spMkLst>
            <pc:docMk/>
            <pc:sldMk cId="3814535045" sldId="557"/>
            <ac:spMk id="7" creationId="{F41731DC-8EB4-4B04-9D7C-B049A0F6576A}"/>
          </ac:spMkLst>
        </pc:spChg>
        <pc:spChg chg="add mod">
          <ac:chgData name="Merve Turhan" userId="3594cd17-5953-4511-8d53-8cfc799250e7" providerId="ADAL" clId="{01E56475-575D-4CD2-B720-B8D0ED314503}" dt="2022-02-23T22:54:39.055" v="13224" actId="1076"/>
          <ac:spMkLst>
            <pc:docMk/>
            <pc:sldMk cId="3814535045" sldId="557"/>
            <ac:spMk id="8" creationId="{2C45F143-A005-48A3-97E9-08EEB7392992}"/>
          </ac:spMkLst>
        </pc:spChg>
        <pc:spChg chg="add mod">
          <ac:chgData name="Merve Turhan" userId="3594cd17-5953-4511-8d53-8cfc799250e7" providerId="ADAL" clId="{01E56475-575D-4CD2-B720-B8D0ED314503}" dt="2022-02-23T22:54:45.011" v="13226" actId="1076"/>
          <ac:spMkLst>
            <pc:docMk/>
            <pc:sldMk cId="3814535045" sldId="557"/>
            <ac:spMk id="9" creationId="{979D7408-5ACE-4250-902A-5EA628FE68A3}"/>
          </ac:spMkLst>
        </pc:spChg>
        <pc:spChg chg="add mod">
          <ac:chgData name="Merve Turhan" userId="3594cd17-5953-4511-8d53-8cfc799250e7" providerId="ADAL" clId="{01E56475-575D-4CD2-B720-B8D0ED314503}" dt="2022-02-23T22:54:51.591" v="13228" actId="1076"/>
          <ac:spMkLst>
            <pc:docMk/>
            <pc:sldMk cId="3814535045" sldId="557"/>
            <ac:spMk id="10" creationId="{B66117B2-81C4-4AB5-9186-20266BC7F48B}"/>
          </ac:spMkLst>
        </pc:spChg>
        <pc:spChg chg="add mod">
          <ac:chgData name="Merve Turhan" userId="3594cd17-5953-4511-8d53-8cfc799250e7" providerId="ADAL" clId="{01E56475-575D-4CD2-B720-B8D0ED314503}" dt="2022-02-23T22:55:11.558" v="13248" actId="1076"/>
          <ac:spMkLst>
            <pc:docMk/>
            <pc:sldMk cId="3814535045" sldId="557"/>
            <ac:spMk id="11" creationId="{FBC07123-895E-4C38-8E5D-BFA0BAE97C07}"/>
          </ac:spMkLst>
        </pc:spChg>
        <pc:picChg chg="del">
          <ac:chgData name="Merve Turhan" userId="3594cd17-5953-4511-8d53-8cfc799250e7" providerId="ADAL" clId="{01E56475-575D-4CD2-B720-B8D0ED314503}" dt="2022-02-23T07:21:19.738" v="9058" actId="478"/>
          <ac:picMkLst>
            <pc:docMk/>
            <pc:sldMk cId="3814535045" sldId="557"/>
            <ac:picMk id="4" creationId="{EEB43B6E-1B17-4E11-A627-E5F0535ECF5C}"/>
          </ac:picMkLst>
        </pc:picChg>
        <pc:picChg chg="mod">
          <ac:chgData name="Merve Turhan" userId="3594cd17-5953-4511-8d53-8cfc799250e7" providerId="ADAL" clId="{01E56475-575D-4CD2-B720-B8D0ED314503}" dt="2022-02-23T07:21:25.206" v="9059" actId="1076"/>
          <ac:picMkLst>
            <pc:docMk/>
            <pc:sldMk cId="3814535045" sldId="557"/>
            <ac:picMk id="6" creationId="{0818F591-8E05-4BA0-B8C5-0498FC8BAE78}"/>
          </ac:picMkLst>
        </pc:picChg>
      </pc:sldChg>
      <pc:sldChg chg="addSp delSp modSp add mod delAnim modAnim">
        <pc:chgData name="Merve Turhan" userId="3594cd17-5953-4511-8d53-8cfc799250e7" providerId="ADAL" clId="{01E56475-575D-4CD2-B720-B8D0ED314503}" dt="2022-02-24T09:35:32.269" v="14057" actId="122"/>
        <pc:sldMkLst>
          <pc:docMk/>
          <pc:sldMk cId="2687749463" sldId="558"/>
        </pc:sldMkLst>
        <pc:spChg chg="add mod">
          <ac:chgData name="Merve Turhan" userId="3594cd17-5953-4511-8d53-8cfc799250e7" providerId="ADAL" clId="{01E56475-575D-4CD2-B720-B8D0ED314503}" dt="2022-02-24T09:35:32.269" v="14057" actId="122"/>
          <ac:spMkLst>
            <pc:docMk/>
            <pc:sldMk cId="2687749463" sldId="558"/>
            <ac:spMk id="3" creationId="{2C5EAE6A-5EF8-49E9-9585-DC8CEC12A6A5}"/>
          </ac:spMkLst>
        </pc:spChg>
        <pc:spChg chg="add mod">
          <ac:chgData name="Merve Turhan" userId="3594cd17-5953-4511-8d53-8cfc799250e7" providerId="ADAL" clId="{01E56475-575D-4CD2-B720-B8D0ED314503}" dt="2022-02-24T08:47:02.836" v="13530" actId="255"/>
          <ac:spMkLst>
            <pc:docMk/>
            <pc:sldMk cId="2687749463" sldId="558"/>
            <ac:spMk id="4" creationId="{E36C0F86-09CC-43C1-A177-55D994CFE275}"/>
          </ac:spMkLst>
        </pc:spChg>
        <pc:spChg chg="add mod">
          <ac:chgData name="Merve Turhan" userId="3594cd17-5953-4511-8d53-8cfc799250e7" providerId="ADAL" clId="{01E56475-575D-4CD2-B720-B8D0ED314503}" dt="2022-02-24T08:44:49.281" v="13518" actId="14100"/>
          <ac:spMkLst>
            <pc:docMk/>
            <pc:sldMk cId="2687749463" sldId="558"/>
            <ac:spMk id="5" creationId="{D6F944CD-8AA9-427C-BB3A-AC8735CA1388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6" creationId="{D509134F-82CB-4793-9D98-196139A097E3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7" creationId="{1245281B-49D2-4DC3-A65D-76BB5175CE8D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8" creationId="{65226D7E-F90D-4749-A933-CED9C32FC642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9" creationId="{92C78AC7-39AD-4BA2-8EED-163405A36767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0" creationId="{82BD6B79-3522-42BB-BDC4-30F7C5D649C3}"/>
          </ac:spMkLst>
        </pc:spChg>
        <pc:spChg chg="del mod">
          <ac:chgData name="Merve Turhan" userId="3594cd17-5953-4511-8d53-8cfc799250e7" providerId="ADAL" clId="{01E56475-575D-4CD2-B720-B8D0ED314503}" dt="2022-02-24T08:30:56.270" v="13299" actId="478"/>
          <ac:spMkLst>
            <pc:docMk/>
            <pc:sldMk cId="2687749463" sldId="558"/>
            <ac:spMk id="12" creationId="{D643F25B-8492-4DBB-97E5-26AEE18BC390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3" creationId="{F2AEE777-D759-4A8B-8F4F-C5FEBF877A6E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4" creationId="{655E1A3F-EEE2-47AF-A139-7DA120D5932A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5" creationId="{93833D03-DFDA-4E8D-A8EE-CAE500838BF7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6" creationId="{263C3075-0570-4DE9-A805-03FA08002EA5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7" creationId="{3FF857B1-BBD2-4194-A480-DD53259979EB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8" creationId="{FC02DBDC-EB62-4F9E-881D-8F7AAD363802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9" creationId="{A9D8599F-357B-4C2E-8B85-8A016BC1C6A8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20" creationId="{491F7111-F8EB-473F-9EF4-2825B923CF6A}"/>
          </ac:spMkLst>
        </pc:spChg>
        <pc:spChg chg="add mod">
          <ac:chgData name="Merve Turhan" userId="3594cd17-5953-4511-8d53-8cfc799250e7" providerId="ADAL" clId="{01E56475-575D-4CD2-B720-B8D0ED314503}" dt="2022-02-24T08:48:49.821" v="13585" actId="20577"/>
          <ac:spMkLst>
            <pc:docMk/>
            <pc:sldMk cId="2687749463" sldId="558"/>
            <ac:spMk id="21" creationId="{0145267D-AD32-4010-915A-128777B72912}"/>
          </ac:spMkLst>
        </pc:spChg>
        <pc:spChg chg="add mod">
          <ac:chgData name="Merve Turhan" userId="3594cd17-5953-4511-8d53-8cfc799250e7" providerId="ADAL" clId="{01E56475-575D-4CD2-B720-B8D0ED314503}" dt="2022-02-24T08:49:02.352" v="13591" actId="20577"/>
          <ac:spMkLst>
            <pc:docMk/>
            <pc:sldMk cId="2687749463" sldId="558"/>
            <ac:spMk id="22" creationId="{5FAE7B5D-F738-47DB-8898-82F706353B98}"/>
          </ac:spMkLst>
        </pc:spChg>
        <pc:spChg chg="add del mod">
          <ac:chgData name="Merve Turhan" userId="3594cd17-5953-4511-8d53-8cfc799250e7" providerId="ADAL" clId="{01E56475-575D-4CD2-B720-B8D0ED314503}" dt="2022-02-24T08:44:38.969" v="13514" actId="478"/>
          <ac:spMkLst>
            <pc:docMk/>
            <pc:sldMk cId="2687749463" sldId="558"/>
            <ac:spMk id="23" creationId="{55CD0806-5E3B-484E-8A07-5C83E8C19079}"/>
          </ac:spMkLst>
        </pc:spChg>
        <pc:spChg chg="add del mod">
          <ac:chgData name="Merve Turhan" userId="3594cd17-5953-4511-8d53-8cfc799250e7" providerId="ADAL" clId="{01E56475-575D-4CD2-B720-B8D0ED314503}" dt="2022-02-24T08:36:16.173" v="13386" actId="478"/>
          <ac:spMkLst>
            <pc:docMk/>
            <pc:sldMk cId="2687749463" sldId="558"/>
            <ac:spMk id="24" creationId="{8D40DB60-E5FC-4294-B41B-623DFFAF0102}"/>
          </ac:spMkLst>
        </pc:spChg>
        <pc:spChg chg="add mod">
          <ac:chgData name="Merve Turhan" userId="3594cd17-5953-4511-8d53-8cfc799250e7" providerId="ADAL" clId="{01E56475-575D-4CD2-B720-B8D0ED314503}" dt="2022-02-24T08:49:21.015" v="13593" actId="20577"/>
          <ac:spMkLst>
            <pc:docMk/>
            <pc:sldMk cId="2687749463" sldId="558"/>
            <ac:spMk id="25" creationId="{15FECE14-0D76-48B2-BA6A-B6703A2603CB}"/>
          </ac:spMkLst>
        </pc:spChg>
        <pc:spChg chg="add mod">
          <ac:chgData name="Merve Turhan" userId="3594cd17-5953-4511-8d53-8cfc799250e7" providerId="ADAL" clId="{01E56475-575D-4CD2-B720-B8D0ED314503}" dt="2022-02-24T08:47:09.428" v="13531" actId="255"/>
          <ac:spMkLst>
            <pc:docMk/>
            <pc:sldMk cId="2687749463" sldId="558"/>
            <ac:spMk id="26" creationId="{3206C982-331F-49E9-B61E-B5E8E415A87A}"/>
          </ac:spMkLst>
        </pc:spChg>
        <pc:spChg chg="add del mod">
          <ac:chgData name="Merve Turhan" userId="3594cd17-5953-4511-8d53-8cfc799250e7" providerId="ADAL" clId="{01E56475-575D-4CD2-B720-B8D0ED314503}" dt="2022-02-24T08:44:41.002" v="13515" actId="478"/>
          <ac:spMkLst>
            <pc:docMk/>
            <pc:sldMk cId="2687749463" sldId="558"/>
            <ac:spMk id="27" creationId="{0FD02012-D83C-4422-98FF-FD4A69F90AA7}"/>
          </ac:spMkLst>
        </pc:spChg>
      </pc:sldChg>
      <pc:sldChg chg="addSp delSp modSp add mod delAnim modAnim">
        <pc:chgData name="Merve Turhan" userId="3594cd17-5953-4511-8d53-8cfc799250e7" providerId="ADAL" clId="{01E56475-575D-4CD2-B720-B8D0ED314503}" dt="2022-02-25T11:52:57.017" v="14764" actId="1076"/>
        <pc:sldMkLst>
          <pc:docMk/>
          <pc:sldMk cId="2820444938" sldId="559"/>
        </pc:sldMkLst>
        <pc:spChg chg="add mod">
          <ac:chgData name="Merve Turhan" userId="3594cd17-5953-4511-8d53-8cfc799250e7" providerId="ADAL" clId="{01E56475-575D-4CD2-B720-B8D0ED314503}" dt="2022-02-25T11:52:57.017" v="14764" actId="1076"/>
          <ac:spMkLst>
            <pc:docMk/>
            <pc:sldMk cId="2820444938" sldId="559"/>
            <ac:spMk id="4" creationId="{8436C669-350B-42B5-A0FD-93E8ABC3634C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12" creationId="{A5C16340-C54C-476D-BB2A-2D330FC8B22D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5" creationId="{6A6D6AA5-0864-4367-94FD-40C3C9CA5FDE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6" creationId="{EAA1541C-EABB-4AFB-AA14-5F5EAD2351A5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7" creationId="{14AC7479-1D7F-481F-84B7-B7EA363BF514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8" creationId="{F9B97E00-4EB2-479B-9187-CD28DD8C00E8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9" creationId="{A1B97117-71BE-455A-BE73-7145C23091DA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0" creationId="{854719ED-B9F1-440A-8354-8178AE216148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1" creationId="{75CAC4D2-39D1-4A8B-AE4F-C94CE5F50ECA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2" creationId="{BB2171AC-FA8A-4A8F-8E31-58815B480E7E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3" creationId="{06DECD55-CC15-4EEA-8103-E812C84F2922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4" creationId="{CA340DB3-82D7-4678-ADEA-261780D86A2F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5" creationId="{F583C5E0-8C45-4CF9-965B-AC8E2D296F6A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6" creationId="{B47A1D8E-249F-4361-B75D-E69A56EFFA5D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7" creationId="{E83C548A-D7B5-49E1-8FC0-81A1E05C2B3F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8" creationId="{D6E8210E-6A9A-43D1-B5D3-7ECBDCF8A57E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9" creationId="{D5072A1A-B7C8-4B28-81AC-AEB8D67586C3}"/>
          </ac:spMkLst>
        </pc:spChg>
        <pc:spChg chg="add mod">
          <ac:chgData name="Merve Turhan" userId="3594cd17-5953-4511-8d53-8cfc799250e7" providerId="ADAL" clId="{01E56475-575D-4CD2-B720-B8D0ED314503}" dt="2022-02-24T10:31:07.815" v="14215" actId="14100"/>
          <ac:spMkLst>
            <pc:docMk/>
            <pc:sldMk cId="2820444938" sldId="559"/>
            <ac:spMk id="50" creationId="{B21EFD4D-E28B-493B-B5F8-E8DE1D2FEFFC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1" creationId="{6D953A29-47B8-4962-8BA6-B79CB0776919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2" creationId="{AEA7EFC2-C417-46A6-B403-02C01FD43C08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3" creationId="{78218C67-8E9E-4BE5-897C-256CC8D0D985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4" creationId="{C581622C-CF25-4A82-9142-5424C657D010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5" creationId="{9E112250-3FA2-4FEA-864E-C3FC4110B407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6" creationId="{15BE9B32-CCB3-4454-8C72-36C9A5138033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7" creationId="{895DB0CC-2156-420B-BA6C-377BAC6C0A4F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8" creationId="{67625923-7581-4B05-9329-434B8AD1A659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9" creationId="{FDC810E4-F8AB-47DB-A26E-4268708103EE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60" creationId="{29246DF3-3B30-484A-9974-CBD783F972DD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61" creationId="{90692F54-BA85-4287-8670-05FFF6E3B58C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62" creationId="{FA5DFE82-27BC-48EB-854A-77B05754DBC3}"/>
          </ac:spMkLst>
        </pc:spChg>
        <pc:spChg chg="add mod">
          <ac:chgData name="Merve Turhan" userId="3594cd17-5953-4511-8d53-8cfc799250e7" providerId="ADAL" clId="{01E56475-575D-4CD2-B720-B8D0ED314503}" dt="2022-02-24T11:43:18.575" v="14256" actId="14100"/>
          <ac:spMkLst>
            <pc:docMk/>
            <pc:sldMk cId="2820444938" sldId="559"/>
            <ac:spMk id="63" creationId="{B5A15CD1-7CFD-4A07-99C7-7960546340E0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64" creationId="{6843BA9C-718A-49AD-9785-C5BBB9FF8768}"/>
          </ac:spMkLst>
        </pc:spChg>
        <pc:spChg chg="add mod">
          <ac:chgData name="Merve Turhan" userId="3594cd17-5953-4511-8d53-8cfc799250e7" providerId="ADAL" clId="{01E56475-575D-4CD2-B720-B8D0ED314503}" dt="2022-02-24T11:43:38.458" v="14262" actId="20577"/>
          <ac:spMkLst>
            <pc:docMk/>
            <pc:sldMk cId="2820444938" sldId="559"/>
            <ac:spMk id="68" creationId="{5CBCA9CA-8B48-476B-A82D-BF7C108148BC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87" creationId="{E352DB13-6CD4-4295-9EA8-06A7C632288E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88" creationId="{AA719A79-06E1-4D41-8948-E0BE91E0F747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89" creationId="{7A219D5D-B195-4354-A87D-6A39AE42A05D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0" creationId="{F07206B8-FE0E-4289-828C-C34334D04619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1" creationId="{8C9E760D-9196-4B51-A880-1E41E2B9F215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2" creationId="{D5EA13D0-C84F-4BCF-94F1-86C94C54A304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3" creationId="{F00BCCCA-1235-435D-BCEB-4FD3391F3449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4" creationId="{380D7918-7398-4AFA-A34C-589338332513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5" creationId="{851F0EBC-9E2D-430F-B574-2183F7D38893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6" creationId="{DCC9D4F2-B03F-4CF5-9CDF-C7F86D4F09B5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7" creationId="{D84D0141-7A9C-4B6C-8063-424B7D93FA8B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8" creationId="{428710BD-53EA-406D-BD69-B2141A8F7DD5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9" creationId="{ED0CA8FA-1744-4A61-A7AF-3F09438E162E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100" creationId="{A2EDD92C-F328-4319-BF8D-648BF8D419C3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16" creationId="{852D2894-CE12-44CA-8CAF-6DB7E2ADE4E6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17" creationId="{B962B91E-888E-428D-BCC9-B03C4B0B6CB8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18" creationId="{94AED1F7-F1CB-4958-B589-43A8E466F2BB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19" creationId="{FC97681C-D28C-469D-8FED-81B155AEF668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0" creationId="{93B3C59D-215D-4D5A-8F58-638672C1D726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1" creationId="{B2553CE3-7CDB-4E68-87B2-B5F94D403289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2" creationId="{C598E41E-C5EE-474D-876E-E8E8230F59EB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3" creationId="{8394D255-3979-450C-9487-07B7A3D3BD00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4" creationId="{621FD6B4-CA3B-42DC-B082-E09826B22CBA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5" creationId="{9992CCCD-743C-410D-B57A-A72B7A6041A9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6" creationId="{797678B3-76B1-44A7-B6DA-07BD28DF7F12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7" creationId="{E8A25E2B-5545-4933-A5A7-63DBC7242A22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8" creationId="{182ADB63-1B54-4A63-9C92-B534D1904538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9" creationId="{E7E7FA09-E2FB-47AA-9BE7-30F7E9340752}"/>
          </ac:spMkLst>
        </pc:spChg>
        <pc:spChg chg="del">
          <ac:chgData name="Merve Turhan" userId="3594cd17-5953-4511-8d53-8cfc799250e7" providerId="ADAL" clId="{01E56475-575D-4CD2-B720-B8D0ED314503}" dt="2022-02-24T10:30:24.581" v="14209" actId="478"/>
          <ac:spMkLst>
            <pc:docMk/>
            <pc:sldMk cId="2820444938" sldId="559"/>
            <ac:spMk id="130" creationId="{0F4F0CEC-373E-4C53-AC94-BAB1ECB8C185}"/>
          </ac:spMkLst>
        </pc:spChg>
        <pc:cxnChg chg="add del mod">
          <ac:chgData name="Merve Turhan" userId="3594cd17-5953-4511-8d53-8cfc799250e7" providerId="ADAL" clId="{01E56475-575D-4CD2-B720-B8D0ED314503}" dt="2022-02-24T10:33:40.507" v="14243" actId="478"/>
          <ac:cxnSpMkLst>
            <pc:docMk/>
            <pc:sldMk cId="2820444938" sldId="559"/>
            <ac:cxnSpMk id="6" creationId="{0F15501A-2A14-4C12-8EDF-D8BA3C28D331}"/>
          </ac:cxnSpMkLst>
        </pc:cxnChg>
      </pc:sldChg>
      <pc:sldMasterChg chg="modSp mod modSldLayout">
        <pc:chgData name="Merve Turhan" userId="3594cd17-5953-4511-8d53-8cfc799250e7" providerId="ADAL" clId="{01E56475-575D-4CD2-B720-B8D0ED314503}" dt="2022-03-25T16:19:17.871" v="15584" actId="20577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01E56475-575D-4CD2-B720-B8D0ED314503}" dt="2022-02-23T18:31:00.273" v="11936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01E56475-575D-4CD2-B720-B8D0ED314503}" dt="2022-02-23T18:31:00.271" v="11935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01E56475-575D-4CD2-B720-B8D0ED314503}" dt="2022-03-25T16:19:17.462" v="15424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01E56475-575D-4CD2-B720-B8D0ED314503}" dt="2022-02-23T18:30:59.941" v="11727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462" v="15424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01E56475-575D-4CD2-B720-B8D0ED314503}" dt="2022-02-23T18:30:59.957" v="11731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01E56475-575D-4CD2-B720-B8D0ED314503}" dt="2022-02-23T18:30:59.938" v="11724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01E56475-575D-4CD2-B720-B8D0ED314503}" dt="2022-02-23T18:30:59.942" v="11728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0:59.943" v="11729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0:59.940" v="11726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0:59.939" v="11725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488" v="15432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01E56475-575D-4CD2-B720-B8D0ED314503}" dt="2022-02-23T18:30:59.967" v="11740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01E56475-575D-4CD2-B720-B8D0ED314503}" dt="2022-03-25T16:19:17.488" v="15432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01E56475-575D-4CD2-B720-B8D0ED314503}" dt="2022-02-23T18:30:59.968" v="11741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01E56475-575D-4CD2-B720-B8D0ED314503}" dt="2022-02-23T18:30:59.969" v="11742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01E56475-575D-4CD2-B720-B8D0ED314503}" dt="2022-02-23T18:30:59.972" v="11744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499" v="15436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01E56475-575D-4CD2-B720-B8D0ED314503}" dt="2022-03-25T16:19:17.499" v="15436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01E56475-575D-4CD2-B720-B8D0ED314503}" dt="2022-02-23T18:30:59.974" v="11746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01E56475-575D-4CD2-B720-B8D0ED314503}" dt="2022-02-23T18:30:59.975" v="11747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01E56475-575D-4CD2-B720-B8D0ED314503}" dt="2022-02-23T18:30:59.977" v="11749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01E56475-575D-4CD2-B720-B8D0ED314503}" dt="2022-02-23T18:30:59.973" v="11745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07" v="15440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01E56475-575D-4CD2-B720-B8D0ED314503}" dt="2022-02-23T18:30:59.978" v="11750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07" v="15440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01E56475-575D-4CD2-B720-B8D0ED314503}" dt="2022-02-23T18:30:59.983" v="11754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01E56475-575D-4CD2-B720-B8D0ED314503}" dt="2022-02-23T18:30:59.979" v="11751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01E56475-575D-4CD2-B720-B8D0ED314503}" dt="2022-02-23T18:30:59.981" v="11752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14" v="15444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01E56475-575D-4CD2-B720-B8D0ED314503}" dt="2022-02-23T18:30:59.984" v="11755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14" v="15444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01E56475-575D-4CD2-B720-B8D0ED314503}" dt="2022-02-23T18:30:59.988" v="11759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01E56475-575D-4CD2-B720-B8D0ED314503}" dt="2022-02-23T18:30:59.985" v="11756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01E56475-575D-4CD2-B720-B8D0ED314503}" dt="2022-02-23T18:30:59.986" v="11757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22" v="15448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01E56475-575D-4CD2-B720-B8D0ED314503}" dt="2022-02-23T18:30:59.989" v="11760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22" v="15448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01E56475-575D-4CD2-B720-B8D0ED314503}" dt="2022-02-23T18:30:59.994" v="11764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01E56475-575D-4CD2-B720-B8D0ED314503}" dt="2022-02-23T18:30:59.990" v="11761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01E56475-575D-4CD2-B720-B8D0ED314503}" dt="2022-02-23T18:30:59.991" v="11762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34" v="15452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01E56475-575D-4CD2-B720-B8D0ED314503}" dt="2022-02-23T18:30:59.995" v="11765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34" v="15452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01E56475-575D-4CD2-B720-B8D0ED314503}" dt="2022-02-23T18:31:00" v="11769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01E56475-575D-4CD2-B720-B8D0ED314503}" dt="2022-02-23T18:30:59.996" v="11766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01E56475-575D-4CD2-B720-B8D0ED314503}" dt="2022-02-23T18:30:59.997" v="11767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44" v="15456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01E56475-575D-4CD2-B720-B8D0ED314503}" dt="2022-02-23T18:31:00.001" v="11770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44" v="15456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01E56475-575D-4CD2-B720-B8D0ED314503}" dt="2022-02-23T18:31:00.006" v="11774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01E56475-575D-4CD2-B720-B8D0ED314503}" dt="2022-02-23T18:31:00.002" v="11771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01E56475-575D-4CD2-B720-B8D0ED314503}" dt="2022-02-23T18:31:00.004" v="11772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52" v="15460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01E56475-575D-4CD2-B720-B8D0ED314503}" dt="2022-02-23T18:31:00.007" v="11775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52" v="15460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01E56475-575D-4CD2-B720-B8D0ED314503}" dt="2022-02-23T18:31:00.016" v="11779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01E56475-575D-4CD2-B720-B8D0ED314503}" dt="2022-02-23T18:31:00.008" v="11776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01E56475-575D-4CD2-B720-B8D0ED314503}" dt="2022-02-23T18:31:00.010" v="11777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62" v="15464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01E56475-575D-4CD2-B720-B8D0ED314503}" dt="2022-03-25T16:19:17.562" v="15464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01E56475-575D-4CD2-B720-B8D0ED314503}" dt="2022-02-23T18:31:00.024" v="11783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01E56475-575D-4CD2-B720-B8D0ED314503}" dt="2022-02-23T18:31:00.019" v="11780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01E56475-575D-4CD2-B720-B8D0ED314503}" dt="2022-02-23T18:31:00.021" v="11781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75" v="15468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01E56475-575D-4CD2-B720-B8D0ED314503}" dt="2022-03-25T16:19:17.575" v="15468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01E56475-575D-4CD2-B720-B8D0ED314503}" dt="2022-02-23T18:31:00.028" v="11786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01E56475-575D-4CD2-B720-B8D0ED314503}" dt="2022-02-23T18:31:00.025" v="11784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94" v="15476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01E56475-575D-4CD2-B720-B8D0ED314503}" dt="2022-03-25T16:19:17.594" v="15476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01E56475-575D-4CD2-B720-B8D0ED314503}" dt="2022-02-23T18:31:00.032" v="11789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035" v="11791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71" v="15508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01E56475-575D-4CD2-B720-B8D0ED314503}" dt="2022-02-23T18:31:00.072" v="11821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01E56475-575D-4CD2-B720-B8D0ED314503}" dt="2022-02-23T18:31:00.070" v="11820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71" v="15508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01E56475-575D-4CD2-B720-B8D0ED314503}" dt="2022-02-23T18:31:00.074" v="11823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43" v="15536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01E56475-575D-4CD2-B720-B8D0ED314503}" dt="2022-02-23T18:31:00.116" v="11851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18" v="11852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15" v="11850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01E56475-575D-4CD2-B720-B8D0ED314503}" dt="2022-03-25T16:19:17.743" v="15536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01E56475-575D-4CD2-B720-B8D0ED314503}" dt="2022-02-23T18:31:00.120" v="11854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53" v="15540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01E56475-575D-4CD2-B720-B8D0ED314503}" dt="2022-02-23T18:31:00.126" v="11857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22" v="11855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01E56475-575D-4CD2-B720-B8D0ED314503}" dt="2022-02-23T18:31:00.124" v="11856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53" v="15540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01E56475-575D-4CD2-B720-B8D0ED314503}" dt="2022-02-23T18:31:00.128" v="11859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13" v="15564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01E56475-575D-4CD2-B720-B8D0ED314503}" dt="2022-02-23T18:31:00.179" v="11887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81" v="11888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77" v="11886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01E56475-575D-4CD2-B720-B8D0ED314503}" dt="2022-02-23T18:31:00.183" v="11889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13" v="15564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01E56475-575D-4CD2-B720-B8D0ED314503}" dt="2022-02-23T18:31:00.185" v="11891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26" v="15568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01E56475-575D-4CD2-B720-B8D0ED314503}" dt="2022-02-23T18:31:00.188" v="11893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90" v="11894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87" v="11892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01E56475-575D-4CD2-B720-B8D0ED314503}" dt="2022-02-23T18:31:00.192" v="11895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94" v="11896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26" v="15568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01E56475-575D-4CD2-B720-B8D0ED314503}" dt="2022-02-23T18:31:00.198" v="11898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37" v="15572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01E56475-575D-4CD2-B720-B8D0ED314503}" dt="2022-02-23T18:31:00.202" v="11900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05" v="11901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00" v="11899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01E56475-575D-4CD2-B720-B8D0ED314503}" dt="2022-02-23T18:31:00.207" v="11902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08" v="11903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37" v="15572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01E56475-575D-4CD2-B720-B8D0ED314503}" dt="2022-02-23T18:31:00.211" v="11905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50" v="15576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01E56475-575D-4CD2-B720-B8D0ED314503}" dt="2022-02-23T18:31:00.214" v="11907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16" v="11908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13" v="11906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01E56475-575D-4CD2-B720-B8D0ED314503}" dt="2022-02-23T18:31:00.217" v="11909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19" v="11910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50" v="15576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01E56475-575D-4CD2-B720-B8D0ED314503}" dt="2022-02-23T18:31:00.222" v="11912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71" v="15584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01E56475-575D-4CD2-B720-B8D0ED314503}" dt="2022-02-23T18:31:00.241" v="11921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2" v="11922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4" v="11923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6" v="11924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9" v="11926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7" v="11925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53" v="11928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51" v="11927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39" v="11920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01E56475-575D-4CD2-B720-B8D0ED314503}" dt="2022-03-25T16:19:17.871" v="15584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01E56475-575D-4CD2-B720-B8D0ED314503}" dt="2022-02-23T18:31:00.256" v="11930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08" v="15520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01E56475-575D-4CD2-B720-B8D0ED314503}" dt="2022-02-23T18:31:00.090" v="11833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089" v="11832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01E56475-575D-4CD2-B720-B8D0ED314503}" dt="2022-03-25T16:19:17.708" v="15520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01E56475-575D-4CD2-B720-B8D0ED314503}" dt="2022-02-23T18:31:00.093" v="11835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16" v="15524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01E56475-575D-4CD2-B720-B8D0ED314503}" dt="2022-02-23T18:31:00.097" v="11838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01E56475-575D-4CD2-B720-B8D0ED314503}" dt="2022-02-23T18:31:00.096" v="11837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094" v="11836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16" v="15524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01E56475-575D-4CD2-B720-B8D0ED314503}" dt="2022-02-23T18:31:00.101" v="11840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24" v="15528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01E56475-575D-4CD2-B720-B8D0ED314503}" dt="2022-02-23T18:31:00.104" v="11842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02" v="11841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01E56475-575D-4CD2-B720-B8D0ED314503}" dt="2022-03-25T16:19:17.724" v="15528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01E56475-575D-4CD2-B720-B8D0ED314503}" dt="2022-02-23T18:31:00.107" v="11844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34" v="15532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01E56475-575D-4CD2-B720-B8D0ED314503}" dt="2022-02-23T18:31:00.111" v="11847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01E56475-575D-4CD2-B720-B8D0ED314503}" dt="2022-02-23T18:31:00.110" v="11846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08" v="11845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34" v="15532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01E56475-575D-4CD2-B720-B8D0ED314503}" dt="2022-02-23T18:31:00.113" v="11849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63" v="15544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01E56475-575D-4CD2-B720-B8D0ED314503}" dt="2022-02-23T18:31:00.132" v="11861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34" v="11862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30" v="11860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01E56475-575D-4CD2-B720-B8D0ED314503}" dt="2022-03-25T16:19:17.763" v="15544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01E56475-575D-4CD2-B720-B8D0ED314503}" dt="2022-02-23T18:31:00.136" v="11864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73" v="15548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01E56475-575D-4CD2-B720-B8D0ED314503}" dt="2022-02-23T18:31:00.139" v="11866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41" v="11867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37" v="11865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01E56475-575D-4CD2-B720-B8D0ED314503}" dt="2022-03-25T16:19:17.773" v="15548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01E56475-575D-4CD2-B720-B8D0ED314503}" dt="2022-02-23T18:31:00.145" v="11869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82" v="15552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01E56475-575D-4CD2-B720-B8D0ED314503}" dt="2022-02-23T18:31:00.149" v="11871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47" v="11870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01E56475-575D-4CD2-B720-B8D0ED314503}" dt="2022-02-23T18:31:00.151" v="11872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82" v="15552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01E56475-575D-4CD2-B720-B8D0ED314503}" dt="2022-02-23T18:31:00.154" v="11874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92" v="15556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01E56475-575D-4CD2-B720-B8D0ED314503}" dt="2022-02-23T18:31:00.156" v="11875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01E56475-575D-4CD2-B720-B8D0ED314503}" dt="2022-02-23T18:31:00.159" v="11876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62" v="11877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92" v="15556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01E56475-575D-4CD2-B720-B8D0ED314503}" dt="2022-02-23T18:31:00.165" v="11879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60" v="15580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01E56475-575D-4CD2-B720-B8D0ED314503}" dt="2022-02-23T18:31:00.225" v="11914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27" v="11915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29" v="11916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31" v="11917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01E56475-575D-4CD2-B720-B8D0ED314503}" dt="2022-02-23T18:31:00.223" v="11913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01E56475-575D-4CD2-B720-B8D0ED314503}" dt="2022-03-25T16:19:17.860" v="15580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01E56475-575D-4CD2-B720-B8D0ED314503}" dt="2022-02-23T18:31:00.233" v="11919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84" v="15472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01E56475-575D-4CD2-B720-B8D0ED314503}" dt="2022-03-25T16:19:17.584" v="15472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01E56475-575D-4CD2-B720-B8D0ED314503}" dt="2022-02-23T18:31:00.031" v="11788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2-23T18:31:00.258" v="11931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01E56475-575D-4CD2-B720-B8D0ED314503}" dt="2022-02-23T18:31:00.258" v="11931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475" v="15428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01E56475-575D-4CD2-B720-B8D0ED314503}" dt="2022-02-23T18:30:59.961" v="11735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01E56475-575D-4CD2-B720-B8D0ED314503}" dt="2022-02-23T18:30:59.962" v="11736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01E56475-575D-4CD2-B720-B8D0ED314503}" dt="2022-02-23T18:30:59.963" v="11737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01E56475-575D-4CD2-B720-B8D0ED314503}" dt="2022-03-25T16:19:17.475" v="15428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01E56475-575D-4CD2-B720-B8D0ED314503}" dt="2022-02-23T18:30:59.966" v="11739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01E56475-575D-4CD2-B720-B8D0ED314503}" dt="2022-02-23T18:30:59.958" v="11732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01E56475-575D-4CD2-B720-B8D0ED314503}" dt="2022-02-23T18:30:59.960" v="11734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0:59.959" v="11733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98" v="15516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01E56475-575D-4CD2-B720-B8D0ED314503}" dt="2022-02-23T18:31:00.085" v="11829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01E56475-575D-4CD2-B720-B8D0ED314503}" dt="2022-02-23T18:31:00.082" v="11828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01E56475-575D-4CD2-B720-B8D0ED314503}" dt="2022-03-25T16:19:17.698" v="15516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01E56475-575D-4CD2-B720-B8D0ED314503}" dt="2022-02-23T18:31:00.087" v="11831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03" v="15560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01E56475-575D-4CD2-B720-B8D0ED314503}" dt="2022-02-23T18:31:00.168" v="11881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72" v="11883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01E56475-575D-4CD2-B720-B8D0ED314503}" dt="2022-02-23T18:31:00.170" v="11882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03" v="15560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01E56475-575D-4CD2-B720-B8D0ED314503}" dt="2022-02-23T18:31:00.167" v="11880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01E56475-575D-4CD2-B720-B8D0ED314503}" dt="2022-02-23T18:31:00.175" v="11885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02" v="15480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01E56475-575D-4CD2-B720-B8D0ED314503}" dt="2022-02-23T18:31:00.035" v="11792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36" v="11793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02" v="15480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01E56475-575D-4CD2-B720-B8D0ED314503}" dt="2022-02-23T18:31:00.039" v="11795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11" v="15484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01E56475-575D-4CD2-B720-B8D0ED314503}" dt="2022-02-23T18:31:00.040" v="11796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42" v="11797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11" v="15484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01E56475-575D-4CD2-B720-B8D0ED314503}" dt="2022-02-23T18:31:00.045" v="11799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20" v="15488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01E56475-575D-4CD2-B720-B8D0ED314503}" dt="2022-02-23T18:31:00.046" v="11800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47" v="11801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20" v="15488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01E56475-575D-4CD2-B720-B8D0ED314503}" dt="2022-02-23T18:31:00.050" v="11803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30" v="15492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01E56475-575D-4CD2-B720-B8D0ED314503}" dt="2022-02-23T18:31:00.051" v="11804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53" v="11805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30" v="15492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01E56475-575D-4CD2-B720-B8D0ED314503}" dt="2022-02-23T18:31:00.055" v="11807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41" v="15496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01E56475-575D-4CD2-B720-B8D0ED314503}" dt="2022-02-23T18:31:00.056" v="11808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58" v="11809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41" v="15496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01E56475-575D-4CD2-B720-B8D0ED314503}" dt="2022-02-23T18:31:00.060" v="11811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51" v="15500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01E56475-575D-4CD2-B720-B8D0ED314503}" dt="2022-02-23T18:31:00.061" v="11812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62" v="11813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51" v="15500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01E56475-575D-4CD2-B720-B8D0ED314503}" dt="2022-02-23T18:31:00.064" v="11815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61" v="15504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01E56475-575D-4CD2-B720-B8D0ED314503}" dt="2022-02-23T18:31:00.065" v="11816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66" v="11817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61" v="15504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01E56475-575D-4CD2-B720-B8D0ED314503}" dt="2022-02-23T18:31:00.069" v="11819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2-23T18:31:00.259" v="11933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01E56475-575D-4CD2-B720-B8D0ED314503}" dt="2022-02-23T18:31:00.258" v="11932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01E56475-575D-4CD2-B720-B8D0ED314503}" dt="2022-02-23T18:31:00.259" v="11933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2-23T18:31:00.270" v="11934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01E56475-575D-4CD2-B720-B8D0ED314503}" dt="2022-02-23T18:31:00.270" v="11934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84" v="15512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01E56475-575D-4CD2-B720-B8D0ED314503}" dt="2022-02-23T18:31:00.078" v="11825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01E56475-575D-4CD2-B720-B8D0ED314503}" dt="2022-02-23T18:31:00.076" v="11824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84" v="15512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01E56475-575D-4CD2-B720-B8D0ED314503}" dt="2022-02-23T18:31:00.081" v="11827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Thomas Nyman" userId="ac62be27-690b-42bb-ae39-d787d15a1823" providerId="ADAL" clId="{BCDE79DB-B9D0-4875-87D8-623167963CBF}"/>
    <pc:docChg chg="custSel modMainMaster">
      <pc:chgData name="Thomas Nyman" userId="ac62be27-690b-42bb-ae39-d787d15a1823" providerId="ADAL" clId="{BCDE79DB-B9D0-4875-87D8-623167963CBF}" dt="2021-12-28T10:14:05.461" v="122"/>
      <pc:docMkLst>
        <pc:docMk/>
      </pc:docMkLst>
      <pc:sldMasterChg chg="modSldLayout">
        <pc:chgData name="Thomas Nyman" userId="ac62be27-690b-42bb-ae39-d787d15a1823" providerId="ADAL" clId="{BCDE79DB-B9D0-4875-87D8-623167963CBF}" dt="2021-12-28T10:14:05.461" v="122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BCDE79DB-B9D0-4875-87D8-623167963CBF}" dt="2021-12-28T10:14:05.176" v="2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BCDE79DB-B9D0-4875-87D8-623167963CBF}" dt="2021-12-28T10:14:05.176" v="2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176" v="8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BCDE79DB-B9D0-4875-87D8-623167963CBF}" dt="2021-12-28T10:14:05.176" v="8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191" v="11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BCDE79DB-B9D0-4875-87D8-623167963CBF}" dt="2021-12-28T10:14:05.191" v="11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191" v="14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BCDE79DB-B9D0-4875-87D8-623167963CBF}" dt="2021-12-28T10:14:05.191" v="14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07" v="1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BCDE79DB-B9D0-4875-87D8-623167963CBF}" dt="2021-12-28T10:14:05.207" v="1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07" v="20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BCDE79DB-B9D0-4875-87D8-623167963CBF}" dt="2021-12-28T10:14:05.207" v="20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07" v="23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BCDE79DB-B9D0-4875-87D8-623167963CBF}" dt="2021-12-28T10:14:05.207" v="23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23" v="26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BCDE79DB-B9D0-4875-87D8-623167963CBF}" dt="2021-12-28T10:14:05.223" v="26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23" v="29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BCDE79DB-B9D0-4875-87D8-623167963CBF}" dt="2021-12-28T10:14:05.223" v="29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38" v="32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BCDE79DB-B9D0-4875-87D8-623167963CBF}" dt="2021-12-28T10:14:05.238" v="32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54" v="35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BCDE79DB-B9D0-4875-87D8-623167963CBF}" dt="2021-12-28T10:14:05.254" v="35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60" v="41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BCDE79DB-B9D0-4875-87D8-623167963CBF}" dt="2021-12-28T10:14:05.260" v="41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23" v="65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BCDE79DB-B9D0-4875-87D8-623167963CBF}" dt="2021-12-28T10:14:05.323" v="65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76" v="86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BCDE79DB-B9D0-4875-87D8-623167963CBF}" dt="2021-12-28T10:14:05.376" v="86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76" v="89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BCDE79DB-B9D0-4875-87D8-623167963CBF}" dt="2021-12-28T10:14:05.376" v="89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23" v="10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BCDE79DB-B9D0-4875-87D8-623167963CBF}" dt="2021-12-28T10:14:05.423" v="10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39" v="110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BCDE79DB-B9D0-4875-87D8-623167963CBF}" dt="2021-12-28T10:14:05.439" v="110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39" v="113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BCDE79DB-B9D0-4875-87D8-623167963CBF}" dt="2021-12-28T10:14:05.439" v="113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39" v="116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BCDE79DB-B9D0-4875-87D8-623167963CBF}" dt="2021-12-28T10:14:05.439" v="116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61" v="122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BCDE79DB-B9D0-4875-87D8-623167963CBF}" dt="2021-12-28T10:14:05.461" v="122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38" v="74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BCDE79DB-B9D0-4875-87D8-623167963CBF}" dt="2021-12-28T10:14:05.338" v="74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54" v="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BCDE79DB-B9D0-4875-87D8-623167963CBF}" dt="2021-12-28T10:14:05.354" v="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61" v="80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BCDE79DB-B9D0-4875-87D8-623167963CBF}" dt="2021-12-28T10:14:05.361" v="80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61" v="83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BCDE79DB-B9D0-4875-87D8-623167963CBF}" dt="2021-12-28T10:14:05.361" v="83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76" v="92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BCDE79DB-B9D0-4875-87D8-623167963CBF}" dt="2021-12-28T10:14:05.376" v="92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92" v="95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BCDE79DB-B9D0-4875-87D8-623167963CBF}" dt="2021-12-28T10:14:05.392" v="95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07" v="98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BCDE79DB-B9D0-4875-87D8-623167963CBF}" dt="2021-12-28T10:14:05.407" v="98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07" v="101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BCDE79DB-B9D0-4875-87D8-623167963CBF}" dt="2021-12-28T10:14:05.407" v="101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54" v="119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BCDE79DB-B9D0-4875-87D8-623167963CBF}" dt="2021-12-28T10:14:05.454" v="119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60" v="38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BCDE79DB-B9D0-4875-87D8-623167963CBF}" dt="2021-12-28T10:14:05.260" v="38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176" v="5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BCDE79DB-B9D0-4875-87D8-623167963CBF}" dt="2021-12-28T10:14:05.176" v="5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23" v="71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BCDE79DB-B9D0-4875-87D8-623167963CBF}" dt="2021-12-28T10:14:05.323" v="71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23" v="104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BCDE79DB-B9D0-4875-87D8-623167963CBF}" dt="2021-12-28T10:14:05.423" v="104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60" v="44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BCDE79DB-B9D0-4875-87D8-623167963CBF}" dt="2021-12-28T10:14:05.260" v="44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76" v="4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BCDE79DB-B9D0-4875-87D8-623167963CBF}" dt="2021-12-28T10:14:05.276" v="4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92" v="50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BCDE79DB-B9D0-4875-87D8-623167963CBF}" dt="2021-12-28T10:14:05.292" v="50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92" v="53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BCDE79DB-B9D0-4875-87D8-623167963CBF}" dt="2021-12-28T10:14:05.292" v="53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07" v="56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BCDE79DB-B9D0-4875-87D8-623167963CBF}" dt="2021-12-28T10:14:05.307" v="56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07" v="59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BCDE79DB-B9D0-4875-87D8-623167963CBF}" dt="2021-12-28T10:14:05.307" v="59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07" v="62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BCDE79DB-B9D0-4875-87D8-623167963CBF}" dt="2021-12-28T10:14:05.307" v="62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23" v="68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BCDE79DB-B9D0-4875-87D8-623167963CBF}" dt="2021-12-28T10:14:05.323" v="68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7E802BD8-27B5-41BF-ABAA-E3299D176E1E}"/>
    <pc:docChg chg="undo custSel addSld delSld modSld modMainMaster">
      <pc:chgData name="Merve Turhan" userId="3594cd17-5953-4511-8d53-8cfc799250e7" providerId="ADAL" clId="{7E802BD8-27B5-41BF-ABAA-E3299D176E1E}" dt="2022-11-21T08:43:10.184" v="536" actId="20577"/>
      <pc:docMkLst>
        <pc:docMk/>
      </pc:docMkLst>
      <pc:sldChg chg="addSp delSp modSp add del mod delAnim modAnim">
        <pc:chgData name="Merve Turhan" userId="3594cd17-5953-4511-8d53-8cfc799250e7" providerId="ADAL" clId="{7E802BD8-27B5-41BF-ABAA-E3299D176E1E}" dt="2022-11-09T06:41:43.981" v="208" actId="47"/>
        <pc:sldMkLst>
          <pc:docMk/>
          <pc:sldMk cId="2500015055" sldId="584"/>
        </pc:sldMkLst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7" creationId="{E24756D4-8135-4741-B3EA-5AF686A60A98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8" creationId="{0F857DFE-2EFE-4A13-89EF-8B3A57D46F36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2" creationId="{61FE4F9A-E9B9-439F-ACA4-3A199F30C44D}"/>
          </ac:spMkLst>
        </pc:spChg>
        <pc:spChg chg="mod">
          <ac:chgData name="Merve Turhan" userId="3594cd17-5953-4511-8d53-8cfc799250e7" providerId="ADAL" clId="{7E802BD8-27B5-41BF-ABAA-E3299D176E1E}" dt="2022-11-08T18:23:16.392" v="200" actId="1076"/>
          <ac:spMkLst>
            <pc:docMk/>
            <pc:sldMk cId="2500015055" sldId="584"/>
            <ac:spMk id="13" creationId="{97477C4D-AD67-47A8-AC04-164898060756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4" creationId="{B9D52A55-CCEE-4230-AFDE-593D58B4C8B9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5" creationId="{CBC6CD6B-85CA-4378-9569-2F5D72D40839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6" creationId="{010D08B3-DCFA-4217-B949-3C4AA224C4E9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7" creationId="{A7C16F4B-1B94-49EE-A2FD-F0C0C75A88DA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8" creationId="{A6E4153B-8747-4F97-99AA-0D9A6EB54012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9" creationId="{A08DBD20-2634-46F3-B756-CFBA83402559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20" creationId="{1A7DA3C9-EE6C-49DD-B5B2-283465117A13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29" creationId="{411552AF-8CB5-4134-B691-D536D6119A27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30" creationId="{94E8C7CD-8F35-4BB0-BFAD-7C3884217BA4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31" creationId="{D3289834-BD5C-4476-B161-125E8A2E8763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32" creationId="{07D51B04-D118-416F-AC99-77B9962B5E08}"/>
          </ac:spMkLst>
        </pc:spChg>
        <pc:spChg chg="mod">
          <ac:chgData name="Merve Turhan" userId="3594cd17-5953-4511-8d53-8cfc799250e7" providerId="ADAL" clId="{7E802BD8-27B5-41BF-ABAA-E3299D176E1E}" dt="2022-11-09T05:36:14.025" v="206" actId="20577"/>
          <ac:spMkLst>
            <pc:docMk/>
            <pc:sldMk cId="2500015055" sldId="584"/>
            <ac:spMk id="33" creationId="{BF076E25-E9E8-4119-8AB0-730CDCE5EF2B}"/>
          </ac:spMkLst>
        </pc:spChg>
        <pc:spChg chg="del mod">
          <ac:chgData name="Merve Turhan" userId="3594cd17-5953-4511-8d53-8cfc799250e7" providerId="ADAL" clId="{7E802BD8-27B5-41BF-ABAA-E3299D176E1E}" dt="2022-11-09T06:41:41.581" v="207" actId="478"/>
          <ac:spMkLst>
            <pc:docMk/>
            <pc:sldMk cId="2500015055" sldId="584"/>
            <ac:spMk id="34" creationId="{078914D3-0D96-4804-A77B-AD1136AC03CB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36" creationId="{7636D3B0-36BE-4376-A6F9-AF45609BC9F8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40" creationId="{E2651A42-59D1-493D-A26D-EA30C629E584}"/>
          </ac:spMkLst>
        </pc:spChg>
        <pc:spChg chg="del">
          <ac:chgData name="Merve Turhan" userId="3594cd17-5953-4511-8d53-8cfc799250e7" providerId="ADAL" clId="{7E802BD8-27B5-41BF-ABAA-E3299D176E1E}" dt="2022-11-08T13:20:57.197" v="167" actId="478"/>
          <ac:spMkLst>
            <pc:docMk/>
            <pc:sldMk cId="2500015055" sldId="584"/>
            <ac:spMk id="41" creationId="{980DE667-62B4-497C-AB2E-11A830767156}"/>
          </ac:spMkLst>
        </pc:spChg>
        <pc:spChg chg="del">
          <ac:chgData name="Merve Turhan" userId="3594cd17-5953-4511-8d53-8cfc799250e7" providerId="ADAL" clId="{7E802BD8-27B5-41BF-ABAA-E3299D176E1E}" dt="2022-11-08T13:20:56.236" v="166" actId="478"/>
          <ac:spMkLst>
            <pc:docMk/>
            <pc:sldMk cId="2500015055" sldId="584"/>
            <ac:spMk id="42" creationId="{26B0443A-66E4-40EA-92A7-66F354D1EBCE}"/>
          </ac:spMkLst>
        </pc:spChg>
        <pc:spChg chg="mod">
          <ac:chgData name="Merve Turhan" userId="3594cd17-5953-4511-8d53-8cfc799250e7" providerId="ADAL" clId="{7E802BD8-27B5-41BF-ABAA-E3299D176E1E}" dt="2022-11-08T13:36:02.645" v="186" actId="207"/>
          <ac:spMkLst>
            <pc:docMk/>
            <pc:sldMk cId="2500015055" sldId="584"/>
            <ac:spMk id="47" creationId="{00E3B6CF-2B7C-46E5-8DE6-51B3A540D592}"/>
          </ac:spMkLst>
        </pc:spChg>
        <pc:spChg chg="mod">
          <ac:chgData name="Merve Turhan" userId="3594cd17-5953-4511-8d53-8cfc799250e7" providerId="ADAL" clId="{7E802BD8-27B5-41BF-ABAA-E3299D176E1E}" dt="2022-11-08T13:34:51.998" v="180" actId="207"/>
          <ac:spMkLst>
            <pc:docMk/>
            <pc:sldMk cId="2500015055" sldId="584"/>
            <ac:spMk id="49" creationId="{F5B2CF68-B11C-436A-BE04-EA92CBCBE987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0" creationId="{DFEBC5CE-5E96-4A99-B19B-C36AC7389BDE}"/>
          </ac:spMkLst>
        </pc:spChg>
        <pc:spChg chg="mod">
          <ac:chgData name="Merve Turhan" userId="3594cd17-5953-4511-8d53-8cfc799250e7" providerId="ADAL" clId="{7E802BD8-27B5-41BF-ABAA-E3299D176E1E}" dt="2022-11-08T13:35:42.945" v="183" actId="207"/>
          <ac:spMkLst>
            <pc:docMk/>
            <pc:sldMk cId="2500015055" sldId="584"/>
            <ac:spMk id="51" creationId="{0AD099D4-BB98-446F-91E4-9D674D4149FF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2" creationId="{8C1F93AA-9F3F-455F-B3FB-42CE29FD8CAF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4" creationId="{1BF8BD14-4597-4FBC-A916-0F1666590883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5" creationId="{DBE3C36E-5ACA-4279-B59A-E6447BD3A150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6" creationId="{7D7ADBCC-E5E0-45FC-A624-BEB1349C6327}"/>
          </ac:spMkLst>
        </pc:spChg>
        <pc:spChg chg="del">
          <ac:chgData name="Merve Turhan" userId="3594cd17-5953-4511-8d53-8cfc799250e7" providerId="ADAL" clId="{7E802BD8-27B5-41BF-ABAA-E3299D176E1E}" dt="2022-11-08T13:20:58.263" v="168" actId="478"/>
          <ac:spMkLst>
            <pc:docMk/>
            <pc:sldMk cId="2500015055" sldId="584"/>
            <ac:spMk id="57" creationId="{F11962AC-7675-4ADC-B098-478FE35C965D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8" creationId="{D421ECA3-A99E-4528-9585-9A34E91AA418}"/>
          </ac:spMkLst>
        </pc:spChg>
        <pc:spChg chg="del">
          <ac:chgData name="Merve Turhan" userId="3594cd17-5953-4511-8d53-8cfc799250e7" providerId="ADAL" clId="{7E802BD8-27B5-41BF-ABAA-E3299D176E1E}" dt="2022-11-08T13:21:01.872" v="171" actId="478"/>
          <ac:spMkLst>
            <pc:docMk/>
            <pc:sldMk cId="2500015055" sldId="584"/>
            <ac:spMk id="59" creationId="{F548E0F5-F8A3-4811-AD20-1446DF1944DB}"/>
          </ac:spMkLst>
        </pc:spChg>
        <pc:spChg chg="del">
          <ac:chgData name="Merve Turhan" userId="3594cd17-5953-4511-8d53-8cfc799250e7" providerId="ADAL" clId="{7E802BD8-27B5-41BF-ABAA-E3299D176E1E}" dt="2022-11-08T13:20:59.520" v="169" actId="478"/>
          <ac:spMkLst>
            <pc:docMk/>
            <pc:sldMk cId="2500015055" sldId="584"/>
            <ac:spMk id="60" creationId="{E17973A9-EFA6-48FA-B643-1E68A5FDC9E5}"/>
          </ac:spMkLst>
        </pc:spChg>
        <pc:spChg chg="del">
          <ac:chgData name="Merve Turhan" userId="3594cd17-5953-4511-8d53-8cfc799250e7" providerId="ADAL" clId="{7E802BD8-27B5-41BF-ABAA-E3299D176E1E}" dt="2022-11-08T13:21:00.555" v="170" actId="478"/>
          <ac:spMkLst>
            <pc:docMk/>
            <pc:sldMk cId="2500015055" sldId="584"/>
            <ac:spMk id="61" creationId="{D1180F26-D6A0-44F5-8E89-8B608C36A20E}"/>
          </ac:spMkLst>
        </pc:spChg>
        <pc:spChg chg="del">
          <ac:chgData name="Merve Turhan" userId="3594cd17-5953-4511-8d53-8cfc799250e7" providerId="ADAL" clId="{7E802BD8-27B5-41BF-ABAA-E3299D176E1E}" dt="2022-11-08T13:20:55.476" v="165" actId="478"/>
          <ac:spMkLst>
            <pc:docMk/>
            <pc:sldMk cId="2500015055" sldId="584"/>
            <ac:spMk id="62" creationId="{ACF7C3AE-78D0-4AA6-A5C9-72DC009E8D6F}"/>
          </ac:spMkLst>
        </pc:spChg>
        <pc:spChg chg="add mod">
          <ac:chgData name="Merve Turhan" userId="3594cd17-5953-4511-8d53-8cfc799250e7" providerId="ADAL" clId="{7E802BD8-27B5-41BF-ABAA-E3299D176E1E}" dt="2022-11-09T05:31:09.325" v="202" actId="1076"/>
          <ac:spMkLst>
            <pc:docMk/>
            <pc:sldMk cId="2500015055" sldId="584"/>
            <ac:spMk id="63" creationId="{0EFEA134-19DA-4A01-83AC-FFDE74B6DFA8}"/>
          </ac:spMkLst>
        </pc:spChg>
        <pc:grpChg chg="add del mod">
          <ac:chgData name="Merve Turhan" userId="3594cd17-5953-4511-8d53-8cfc799250e7" providerId="ADAL" clId="{7E802BD8-27B5-41BF-ABAA-E3299D176E1E}" dt="2022-11-08T13:36:55.244" v="195" actId="478"/>
          <ac:grpSpMkLst>
            <pc:docMk/>
            <pc:sldMk cId="2500015055" sldId="584"/>
            <ac:grpSpMk id="46" creationId="{6341EE0E-B4A2-4F7B-B25E-C550FE7371B5}"/>
          </ac:grpSpMkLst>
        </pc:grp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1" creationId="{5D3C568B-85D6-4FD9-BE99-1E6E479B95D4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2" creationId="{A1DB6A49-4A17-49C1-8B8F-6D34073D5D5C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3" creationId="{FF24F33B-75BA-4B89-B8FF-4A0081214405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4" creationId="{6571FB4A-6866-4346-A8EE-96D442CD6CBB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5" creationId="{01FDBA7C-7A45-4BE6-9216-C0E16EA02585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6" creationId="{009DF460-F953-493B-AB54-A2F610875D3D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7" creationId="{36DBCF76-ACB6-4FCD-B866-9220E7948E9D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8" creationId="{8D081C80-A175-4C16-9A92-A05E5B3C99FA}"/>
          </ac:cxnSpMkLst>
        </pc:cxnChg>
        <pc:cxnChg chg="mod">
          <ac:chgData name="Merve Turhan" userId="3594cd17-5953-4511-8d53-8cfc799250e7" providerId="ADAL" clId="{7E802BD8-27B5-41BF-ABAA-E3299D176E1E}" dt="2022-11-09T06:41:41.581" v="207" actId="478"/>
          <ac:cxnSpMkLst>
            <pc:docMk/>
            <pc:sldMk cId="2500015055" sldId="584"/>
            <ac:cxnSpMk id="35" creationId="{2689D007-9AD4-43CB-ADB6-F88E8DD831F5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37" creationId="{A227D51C-6D6A-4D49-A2DE-32419C8B1720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48" creationId="{494AF3A5-AF29-481E-8170-3C7E878050E5}"/>
          </ac:cxnSpMkLst>
        </pc:cxnChg>
      </pc:sldChg>
      <pc:sldMasterChg chg="modSldLayout">
        <pc:chgData name="Merve Turhan" userId="3594cd17-5953-4511-8d53-8cfc799250e7" providerId="ADAL" clId="{7E802BD8-27B5-41BF-ABAA-E3299D176E1E}" dt="2022-11-21T08:43:10.184" v="536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7E802BD8-27B5-41BF-ABAA-E3299D176E1E}" dt="2022-11-21T08:43:09.448" v="376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7E802BD8-27B5-41BF-ABAA-E3299D176E1E}" dt="2022-11-21T08:43:09.448" v="376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474" v="384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7E802BD8-27B5-41BF-ABAA-E3299D176E1E}" dt="2022-11-21T08:43:09.474" v="384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497" v="388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7E802BD8-27B5-41BF-ABAA-E3299D176E1E}" dt="2022-11-21T08:43:09.497" v="388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18" v="392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7E802BD8-27B5-41BF-ABAA-E3299D176E1E}" dt="2022-11-21T08:43:09.518" v="392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36" v="396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7E802BD8-27B5-41BF-ABAA-E3299D176E1E}" dt="2022-11-21T08:43:09.536" v="396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49" v="400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7E802BD8-27B5-41BF-ABAA-E3299D176E1E}" dt="2022-11-21T08:43:09.549" v="400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71" v="404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7E802BD8-27B5-41BF-ABAA-E3299D176E1E}" dt="2022-11-21T08:43:09.571" v="404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86" v="408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7E802BD8-27B5-41BF-ABAA-E3299D176E1E}" dt="2022-11-21T08:43:09.586" v="408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99" v="412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7E802BD8-27B5-41BF-ABAA-E3299D176E1E}" dt="2022-11-21T08:43:09.599" v="412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621" v="416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7E802BD8-27B5-41BF-ABAA-E3299D176E1E}" dt="2022-11-21T08:43:09.621" v="416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634" v="420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7E802BD8-27B5-41BF-ABAA-E3299D176E1E}" dt="2022-11-21T08:43:09.634" v="420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674" v="428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7E802BD8-27B5-41BF-ABAA-E3299D176E1E}" dt="2022-11-21T08:43:09.674" v="428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22" v="460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7E802BD8-27B5-41BF-ABAA-E3299D176E1E}" dt="2022-11-21T08:43:09.822" v="460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71" v="488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7E802BD8-27B5-41BF-ABAA-E3299D176E1E}" dt="2022-11-21T08:43:09.971" v="488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89" v="492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7E802BD8-27B5-41BF-ABAA-E3299D176E1E}" dt="2022-11-21T08:43:09.989" v="492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85" v="516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7E802BD8-27B5-41BF-ABAA-E3299D176E1E}" dt="2022-11-21T08:43:10.085" v="516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09" v="520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7E802BD8-27B5-41BF-ABAA-E3299D176E1E}" dt="2022-11-21T08:43:10.109" v="520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30" v="524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7E802BD8-27B5-41BF-ABAA-E3299D176E1E}" dt="2022-11-21T08:43:10.130" v="524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55" v="528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7E802BD8-27B5-41BF-ABAA-E3299D176E1E}" dt="2022-11-21T08:43:10.155" v="528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84" v="536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7E802BD8-27B5-41BF-ABAA-E3299D176E1E}" dt="2022-11-21T08:43:10.184" v="536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87" v="472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7E802BD8-27B5-41BF-ABAA-E3299D176E1E}" dt="2022-11-21T08:43:09.887" v="472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05" v="476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7E802BD8-27B5-41BF-ABAA-E3299D176E1E}" dt="2022-11-21T08:43:09.905" v="476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38" v="480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7E802BD8-27B5-41BF-ABAA-E3299D176E1E}" dt="2022-11-21T08:43:09.938" v="480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56" v="484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7E802BD8-27B5-41BF-ABAA-E3299D176E1E}" dt="2022-11-21T08:43:09.956" v="484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05" v="496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7E802BD8-27B5-41BF-ABAA-E3299D176E1E}" dt="2022-11-21T08:43:10.005" v="496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21" v="500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7E802BD8-27B5-41BF-ABAA-E3299D176E1E}" dt="2022-11-21T08:43:10.021" v="500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44" v="504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7E802BD8-27B5-41BF-ABAA-E3299D176E1E}" dt="2022-11-21T08:43:10.044" v="504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58" v="508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7E802BD8-27B5-41BF-ABAA-E3299D176E1E}" dt="2022-11-21T08:43:10.058" v="508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68" v="532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7E802BD8-27B5-41BF-ABAA-E3299D176E1E}" dt="2022-11-21T08:43:10.168" v="532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647" v="424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7E802BD8-27B5-41BF-ABAA-E3299D176E1E}" dt="2022-11-21T08:43:09.647" v="424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462" v="380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7E802BD8-27B5-41BF-ABAA-E3299D176E1E}" dt="2022-11-21T08:43:09.462" v="380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74" v="468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7E802BD8-27B5-41BF-ABAA-E3299D176E1E}" dt="2022-11-21T08:43:09.874" v="468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71" v="512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7E802BD8-27B5-41BF-ABAA-E3299D176E1E}" dt="2022-11-21T08:43:10.071" v="512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10" v="432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7E802BD8-27B5-41BF-ABAA-E3299D176E1E}" dt="2022-11-21T08:43:09.710" v="432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23" v="436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7E802BD8-27B5-41BF-ABAA-E3299D176E1E}" dt="2022-11-21T08:43:09.723" v="436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36" v="440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7E802BD8-27B5-41BF-ABAA-E3299D176E1E}" dt="2022-11-21T08:43:09.736" v="440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54" v="444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7E802BD8-27B5-41BF-ABAA-E3299D176E1E}" dt="2022-11-21T08:43:09.754" v="444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69" v="448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7E802BD8-27B5-41BF-ABAA-E3299D176E1E}" dt="2022-11-21T08:43:09.769" v="448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82" v="452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7E802BD8-27B5-41BF-ABAA-E3299D176E1E}" dt="2022-11-21T08:43:09.782" v="452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05" v="456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7E802BD8-27B5-41BF-ABAA-E3299D176E1E}" dt="2022-11-21T08:43:09.805" v="456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55" v="464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7E802BD8-27B5-41BF-ABAA-E3299D176E1E}" dt="2022-11-21T08:43:09.855" v="464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E225DE88-74CE-48ED-AC1F-DE1313954DC9}"/>
    <pc:docChg chg="undo redo custSel addSld delSld modSld sldOrd modMainMaster">
      <pc:chgData name="Merve Turhan" userId="3594cd17-5953-4511-8d53-8cfc799250e7" providerId="ADAL" clId="{E225DE88-74CE-48ED-AC1F-DE1313954DC9}" dt="2022-05-20T10:25:44.810" v="5041" actId="20577"/>
      <pc:docMkLst>
        <pc:docMk/>
      </pc:docMkLst>
      <pc:sldChg chg="addSp delSp modSp del mod modClrScheme chgLayout">
        <pc:chgData name="Merve Turhan" userId="3594cd17-5953-4511-8d53-8cfc799250e7" providerId="ADAL" clId="{E225DE88-74CE-48ED-AC1F-DE1313954DC9}" dt="2022-05-19T06:54:35.434" v="3234" actId="47"/>
        <pc:sldMkLst>
          <pc:docMk/>
          <pc:sldMk cId="2230748882" sldId="271"/>
        </pc:sldMkLst>
        <pc:spChg chg="mo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3" creationId="{17D5CE7D-CCF0-44B0-843A-8D46859C44EE}"/>
          </ac:spMkLst>
        </pc:spChg>
        <pc:spChg chg="add del mod">
          <ac:chgData name="Merve Turhan" userId="3594cd17-5953-4511-8d53-8cfc799250e7" providerId="ADAL" clId="{E225DE88-74CE-48ED-AC1F-DE1313954DC9}" dt="2022-05-17T18:08:30.923" v="540" actId="478"/>
          <ac:spMkLst>
            <pc:docMk/>
            <pc:sldMk cId="2230748882" sldId="271"/>
            <ac:spMk id="4" creationId="{3CFF70D0-3527-4B80-8852-E3073E23897E}"/>
          </ac:spMkLst>
        </pc:spChg>
        <pc:spChg chg="mod or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5" creationId="{0D8DE8B4-7BAB-4C18-A0E5-01D3A11D374F}"/>
          </ac:spMkLst>
        </pc:spChg>
        <pc:spChg chg="mod or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7" creationId="{0BF70DC3-66C9-451C-917E-BA44956D1DBD}"/>
          </ac:spMkLst>
        </pc:spChg>
        <pc:spChg chg="add del mo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10" creationId="{BBB0DFB0-87DE-4981-A797-C2E070E96C12}"/>
          </ac:spMkLst>
        </pc:spChg>
        <pc:spChg chg="add del mod">
          <ac:chgData name="Merve Turhan" userId="3594cd17-5953-4511-8d53-8cfc799250e7" providerId="ADAL" clId="{E225DE88-74CE-48ED-AC1F-DE1313954DC9}" dt="2022-05-19T05:19:22.662" v="2812" actId="26606"/>
          <ac:spMkLst>
            <pc:docMk/>
            <pc:sldMk cId="2230748882" sldId="271"/>
            <ac:spMk id="15" creationId="{F2E72F02-D0F1-3077-ACB7-155591F87104}"/>
          </ac:spMkLst>
        </pc:spChg>
        <pc:spChg chg="add del mo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17" creationId="{A487BF23-E5BF-81C2-3C3F-6B9D846BA641}"/>
          </ac:spMkLst>
        </pc:spChg>
        <pc:picChg chg="add del">
          <ac:chgData name="Merve Turhan" userId="3594cd17-5953-4511-8d53-8cfc799250e7" providerId="ADAL" clId="{E225DE88-74CE-48ED-AC1F-DE1313954DC9}" dt="2022-05-18T21:37:44.726" v="2608" actId="478"/>
          <ac:picMkLst>
            <pc:docMk/>
            <pc:sldMk cId="2230748882" sldId="271"/>
            <ac:picMk id="9" creationId="{9500E495-8358-46C8-8A6B-C78D3ACFD3D0}"/>
          </ac:picMkLst>
        </pc:picChg>
      </pc:sldChg>
      <pc:sldChg chg="modSp mod modNotesTx">
        <pc:chgData name="Merve Turhan" userId="3594cd17-5953-4511-8d53-8cfc799250e7" providerId="ADAL" clId="{E225DE88-74CE-48ED-AC1F-DE1313954DC9}" dt="2022-05-19T14:00:03.873" v="3900"/>
        <pc:sldMkLst>
          <pc:docMk/>
          <pc:sldMk cId="2013701143" sldId="279"/>
        </pc:sldMkLst>
        <pc:spChg chg="mod">
          <ac:chgData name="Merve Turhan" userId="3594cd17-5953-4511-8d53-8cfc799250e7" providerId="ADAL" clId="{E225DE88-74CE-48ED-AC1F-DE1313954DC9}" dt="2022-05-19T14:00:03.873" v="3899" actId="790"/>
          <ac:spMkLst>
            <pc:docMk/>
            <pc:sldMk cId="2013701143" sldId="279"/>
            <ac:spMk id="2" creationId="{70D3E22F-29AA-4782-8B87-0BB49997FE98}"/>
          </ac:spMkLst>
        </pc:spChg>
        <pc:spChg chg="mod">
          <ac:chgData name="Merve Turhan" userId="3594cd17-5953-4511-8d53-8cfc799250e7" providerId="ADAL" clId="{E225DE88-74CE-48ED-AC1F-DE1313954DC9}" dt="2022-05-19T14:00:03.873" v="3900"/>
          <ac:spMkLst>
            <pc:docMk/>
            <pc:sldMk cId="2013701143" sldId="279"/>
            <ac:spMk id="4" creationId="{FECAA605-9A46-4AA4-B77D-E2C5F5089B2D}"/>
          </ac:spMkLst>
        </pc:spChg>
      </pc:sldChg>
      <pc:sldChg chg="addSp delSp modSp mod modAnim">
        <pc:chgData name="Merve Turhan" userId="3594cd17-5953-4511-8d53-8cfc799250e7" providerId="ADAL" clId="{E225DE88-74CE-48ED-AC1F-DE1313954DC9}" dt="2022-05-19T14:00:03.958" v="4032"/>
        <pc:sldMkLst>
          <pc:docMk/>
          <pc:sldMk cId="1112123526" sldId="285"/>
        </pc:sldMkLst>
        <pc:spChg chg="mod">
          <ac:chgData name="Merve Turhan" userId="3594cd17-5953-4511-8d53-8cfc799250e7" providerId="ADAL" clId="{E225DE88-74CE-48ED-AC1F-DE1313954DC9}" dt="2022-05-19T14:00:03.942" v="4007" actId="790"/>
          <ac:spMkLst>
            <pc:docMk/>
            <pc:sldMk cId="1112123526" sldId="285"/>
            <ac:spMk id="2" creationId="{0B8A7082-DB17-45FC-A3F5-45FD2AA6C076}"/>
          </ac:spMkLst>
        </pc:spChg>
        <pc:spChg chg="mod">
          <ac:chgData name="Merve Turhan" userId="3594cd17-5953-4511-8d53-8cfc799250e7" providerId="ADAL" clId="{E225DE88-74CE-48ED-AC1F-DE1313954DC9}" dt="2022-05-19T14:00:03.942" v="4008" actId="790"/>
          <ac:spMkLst>
            <pc:docMk/>
            <pc:sldMk cId="1112123526" sldId="285"/>
            <ac:spMk id="3" creationId="{3E5B23EB-C8CD-4D5E-BE6C-FB30EB007902}"/>
          </ac:spMkLst>
        </pc:spChg>
        <pc:spChg chg="mod">
          <ac:chgData name="Merve Turhan" userId="3594cd17-5953-4511-8d53-8cfc799250e7" providerId="ADAL" clId="{E225DE88-74CE-48ED-AC1F-DE1313954DC9}" dt="2022-05-19T14:00:03.942" v="4009" actId="790"/>
          <ac:spMkLst>
            <pc:docMk/>
            <pc:sldMk cId="1112123526" sldId="285"/>
            <ac:spMk id="4" creationId="{476694C2-AE53-47F3-A2CD-DC95CB2AC06E}"/>
          </ac:spMkLst>
        </pc:spChg>
        <pc:spChg chg="mod">
          <ac:chgData name="Merve Turhan" userId="3594cd17-5953-4511-8d53-8cfc799250e7" providerId="ADAL" clId="{E225DE88-74CE-48ED-AC1F-DE1313954DC9}" dt="2022-05-19T14:00:03.942" v="4010" actId="790"/>
          <ac:spMkLst>
            <pc:docMk/>
            <pc:sldMk cId="1112123526" sldId="285"/>
            <ac:spMk id="5" creationId="{DBBDAAF0-C257-42E8-8778-33F369095B08}"/>
          </ac:spMkLst>
        </pc:spChg>
        <pc:spChg chg="mod">
          <ac:chgData name="Merve Turhan" userId="3594cd17-5953-4511-8d53-8cfc799250e7" providerId="ADAL" clId="{E225DE88-74CE-48ED-AC1F-DE1313954DC9}" dt="2022-05-19T14:00:03.958" v="4011" actId="790"/>
          <ac:spMkLst>
            <pc:docMk/>
            <pc:sldMk cId="1112123526" sldId="285"/>
            <ac:spMk id="6" creationId="{73F28F7C-FDB7-4C54-B643-59C95F1891CF}"/>
          </ac:spMkLst>
        </pc:spChg>
        <pc:spChg chg="mod">
          <ac:chgData name="Merve Turhan" userId="3594cd17-5953-4511-8d53-8cfc799250e7" providerId="ADAL" clId="{E225DE88-74CE-48ED-AC1F-DE1313954DC9}" dt="2022-05-19T14:00:03.958" v="4012" actId="790"/>
          <ac:spMkLst>
            <pc:docMk/>
            <pc:sldMk cId="1112123526" sldId="285"/>
            <ac:spMk id="7" creationId="{F588C0D0-1BBC-4CD2-94F9-68F2F5734F5A}"/>
          </ac:spMkLst>
        </pc:spChg>
        <pc:spChg chg="mod">
          <ac:chgData name="Merve Turhan" userId="3594cd17-5953-4511-8d53-8cfc799250e7" providerId="ADAL" clId="{E225DE88-74CE-48ED-AC1F-DE1313954DC9}" dt="2022-05-19T14:00:03.958" v="4013" actId="790"/>
          <ac:spMkLst>
            <pc:docMk/>
            <pc:sldMk cId="1112123526" sldId="285"/>
            <ac:spMk id="8" creationId="{2DC050C8-8D7A-4E39-817D-9374CDFC2110}"/>
          </ac:spMkLst>
        </pc:spChg>
        <pc:spChg chg="mod">
          <ac:chgData name="Merve Turhan" userId="3594cd17-5953-4511-8d53-8cfc799250e7" providerId="ADAL" clId="{E225DE88-74CE-48ED-AC1F-DE1313954DC9}" dt="2022-05-19T14:00:03.958" v="4014" actId="790"/>
          <ac:spMkLst>
            <pc:docMk/>
            <pc:sldMk cId="1112123526" sldId="285"/>
            <ac:spMk id="9" creationId="{B27B1656-AEED-43A4-B4E9-9779CB184DB2}"/>
          </ac:spMkLst>
        </pc:spChg>
        <pc:spChg chg="mod">
          <ac:chgData name="Merve Turhan" userId="3594cd17-5953-4511-8d53-8cfc799250e7" providerId="ADAL" clId="{E225DE88-74CE-48ED-AC1F-DE1313954DC9}" dt="2022-05-19T14:00:03.958" v="4015" actId="790"/>
          <ac:spMkLst>
            <pc:docMk/>
            <pc:sldMk cId="1112123526" sldId="285"/>
            <ac:spMk id="10" creationId="{8EDE5C98-4FEE-4E38-86E4-37D4A2FF80EB}"/>
          </ac:spMkLst>
        </pc:spChg>
        <pc:spChg chg="mod">
          <ac:chgData name="Merve Turhan" userId="3594cd17-5953-4511-8d53-8cfc799250e7" providerId="ADAL" clId="{E225DE88-74CE-48ED-AC1F-DE1313954DC9}" dt="2022-05-19T14:00:03.958" v="4018" actId="790"/>
          <ac:spMkLst>
            <pc:docMk/>
            <pc:sldMk cId="1112123526" sldId="285"/>
            <ac:spMk id="13" creationId="{0701518D-15A6-408F-9BBA-9571C85F81D4}"/>
          </ac:spMkLst>
        </pc:spChg>
        <pc:spChg chg="mod">
          <ac:chgData name="Merve Turhan" userId="3594cd17-5953-4511-8d53-8cfc799250e7" providerId="ADAL" clId="{E225DE88-74CE-48ED-AC1F-DE1313954DC9}" dt="2022-05-19T14:00:03.958" v="4019" actId="790"/>
          <ac:spMkLst>
            <pc:docMk/>
            <pc:sldMk cId="1112123526" sldId="285"/>
            <ac:spMk id="14" creationId="{B7AF1829-1784-4A90-8EAE-82C365FEA5F0}"/>
          </ac:spMkLst>
        </pc:spChg>
        <pc:spChg chg="mod">
          <ac:chgData name="Merve Turhan" userId="3594cd17-5953-4511-8d53-8cfc799250e7" providerId="ADAL" clId="{E225DE88-74CE-48ED-AC1F-DE1313954DC9}" dt="2022-05-19T14:00:03.958" v="4020" actId="790"/>
          <ac:spMkLst>
            <pc:docMk/>
            <pc:sldMk cId="1112123526" sldId="285"/>
            <ac:spMk id="22" creationId="{D211F8AC-D34B-4DCD-BCA9-40AA664B12AD}"/>
          </ac:spMkLst>
        </pc:spChg>
        <pc:spChg chg="mod">
          <ac:chgData name="Merve Turhan" userId="3594cd17-5953-4511-8d53-8cfc799250e7" providerId="ADAL" clId="{E225DE88-74CE-48ED-AC1F-DE1313954DC9}" dt="2022-05-19T14:00:03.958" v="4016" actId="790"/>
          <ac:spMkLst>
            <pc:docMk/>
            <pc:sldMk cId="1112123526" sldId="285"/>
            <ac:spMk id="23" creationId="{69C3123C-73E5-44C3-BE8D-F3DB941FC640}"/>
          </ac:spMkLst>
        </pc:spChg>
        <pc:spChg chg="mod">
          <ac:chgData name="Merve Turhan" userId="3594cd17-5953-4511-8d53-8cfc799250e7" providerId="ADAL" clId="{E225DE88-74CE-48ED-AC1F-DE1313954DC9}" dt="2022-05-19T14:00:03.958" v="4017" actId="790"/>
          <ac:spMkLst>
            <pc:docMk/>
            <pc:sldMk cId="1112123526" sldId="285"/>
            <ac:spMk id="24" creationId="{BC40C7E2-5E17-436B-9232-E8E1774D4E8D}"/>
          </ac:spMkLst>
        </pc:spChg>
        <pc:spChg chg="mod">
          <ac:chgData name="Merve Turhan" userId="3594cd17-5953-4511-8d53-8cfc799250e7" providerId="ADAL" clId="{E225DE88-74CE-48ED-AC1F-DE1313954DC9}" dt="2022-05-19T14:00:03.958" v="4021" actId="790"/>
          <ac:spMkLst>
            <pc:docMk/>
            <pc:sldMk cId="1112123526" sldId="285"/>
            <ac:spMk id="25" creationId="{84736A0A-2B3F-4E90-BEF2-84A9C681C5B8}"/>
          </ac:spMkLst>
        </pc:spChg>
        <pc:spChg chg="mod">
          <ac:chgData name="Merve Turhan" userId="3594cd17-5953-4511-8d53-8cfc799250e7" providerId="ADAL" clId="{E225DE88-74CE-48ED-AC1F-DE1313954DC9}" dt="2022-05-19T14:00:03.958" v="4022" actId="790"/>
          <ac:spMkLst>
            <pc:docMk/>
            <pc:sldMk cId="1112123526" sldId="285"/>
            <ac:spMk id="26" creationId="{E148C23E-982D-40DA-929F-3253981FC4FF}"/>
          </ac:spMkLst>
        </pc:spChg>
        <pc:spChg chg="mod">
          <ac:chgData name="Merve Turhan" userId="3594cd17-5953-4511-8d53-8cfc799250e7" providerId="ADAL" clId="{E225DE88-74CE-48ED-AC1F-DE1313954DC9}" dt="2022-05-19T14:00:03.958" v="4023" actId="790"/>
          <ac:spMkLst>
            <pc:docMk/>
            <pc:sldMk cId="1112123526" sldId="285"/>
            <ac:spMk id="27" creationId="{065F2AD6-3473-4628-A0C5-6F70D4EF788F}"/>
          </ac:spMkLst>
        </pc:spChg>
        <pc:spChg chg="add mod">
          <ac:chgData name="Merve Turhan" userId="3594cd17-5953-4511-8d53-8cfc799250e7" providerId="ADAL" clId="{E225DE88-74CE-48ED-AC1F-DE1313954DC9}" dt="2022-05-19T14:00:03.958" v="4032"/>
          <ac:spMkLst>
            <pc:docMk/>
            <pc:sldMk cId="1112123526" sldId="285"/>
            <ac:spMk id="28" creationId="{E0C13FDA-A89A-4DE5-9F37-4D88B087CB41}"/>
          </ac:spMkLst>
        </pc:spChg>
        <pc:spChg chg="add del mod">
          <ac:chgData name="Merve Turhan" userId="3594cd17-5953-4511-8d53-8cfc799250e7" providerId="ADAL" clId="{E225DE88-74CE-48ED-AC1F-DE1313954DC9}" dt="2022-05-17T18:48:19.290" v="1627" actId="478"/>
          <ac:spMkLst>
            <pc:docMk/>
            <pc:sldMk cId="1112123526" sldId="285"/>
            <ac:spMk id="29" creationId="{EF2F7376-5552-4A0A-8B34-AF35008B7F3D}"/>
          </ac:spMkLst>
        </pc:spChg>
        <pc:spChg chg="mod">
          <ac:chgData name="Merve Turhan" userId="3594cd17-5953-4511-8d53-8cfc799250e7" providerId="ADAL" clId="{E225DE88-74CE-48ED-AC1F-DE1313954DC9}" dt="2022-05-19T14:00:03.958" v="4024" actId="790"/>
          <ac:spMkLst>
            <pc:docMk/>
            <pc:sldMk cId="1112123526" sldId="285"/>
            <ac:spMk id="30" creationId="{32E7E5CB-E429-4A58-8354-177F9F4414B6}"/>
          </ac:spMkLst>
        </pc:spChg>
        <pc:spChg chg="mod">
          <ac:chgData name="Merve Turhan" userId="3594cd17-5953-4511-8d53-8cfc799250e7" providerId="ADAL" clId="{E225DE88-74CE-48ED-AC1F-DE1313954DC9}" dt="2022-05-19T14:00:03.958" v="4025" actId="790"/>
          <ac:spMkLst>
            <pc:docMk/>
            <pc:sldMk cId="1112123526" sldId="285"/>
            <ac:spMk id="31" creationId="{57AE635B-BDA1-4D85-A549-BFC8E78461AB}"/>
          </ac:spMkLst>
        </pc:spChg>
        <pc:spChg chg="mod">
          <ac:chgData name="Merve Turhan" userId="3594cd17-5953-4511-8d53-8cfc799250e7" providerId="ADAL" clId="{E225DE88-74CE-48ED-AC1F-DE1313954DC9}" dt="2022-05-19T14:00:03.958" v="4026" actId="790"/>
          <ac:spMkLst>
            <pc:docMk/>
            <pc:sldMk cId="1112123526" sldId="285"/>
            <ac:spMk id="32" creationId="{91284B49-50DF-471E-9421-DCDF3FF32BE2}"/>
          </ac:spMkLst>
        </pc:spChg>
        <pc:spChg chg="mod">
          <ac:chgData name="Merve Turhan" userId="3594cd17-5953-4511-8d53-8cfc799250e7" providerId="ADAL" clId="{E225DE88-74CE-48ED-AC1F-DE1313954DC9}" dt="2022-05-19T14:00:03.958" v="4027" actId="790"/>
          <ac:spMkLst>
            <pc:docMk/>
            <pc:sldMk cId="1112123526" sldId="285"/>
            <ac:spMk id="33" creationId="{47A96356-51D1-4C9E-80CF-EE5342671801}"/>
          </ac:spMkLst>
        </pc:spChg>
        <pc:spChg chg="mod">
          <ac:chgData name="Merve Turhan" userId="3594cd17-5953-4511-8d53-8cfc799250e7" providerId="ADAL" clId="{E225DE88-74CE-48ED-AC1F-DE1313954DC9}" dt="2022-05-19T14:00:03.958" v="4028" actId="790"/>
          <ac:spMkLst>
            <pc:docMk/>
            <pc:sldMk cId="1112123526" sldId="285"/>
            <ac:spMk id="34" creationId="{E42E74A0-2F77-4C20-BF70-DB71DDE9939B}"/>
          </ac:spMkLst>
        </pc:spChg>
        <pc:spChg chg="mod">
          <ac:chgData name="Merve Turhan" userId="3594cd17-5953-4511-8d53-8cfc799250e7" providerId="ADAL" clId="{E225DE88-74CE-48ED-AC1F-DE1313954DC9}" dt="2022-05-19T14:00:03.958" v="4029" actId="790"/>
          <ac:spMkLst>
            <pc:docMk/>
            <pc:sldMk cId="1112123526" sldId="285"/>
            <ac:spMk id="35" creationId="{5C214C05-D6A9-4D38-BA47-CCF81ACC8B5A}"/>
          </ac:spMkLst>
        </pc:spChg>
        <pc:spChg chg="mod">
          <ac:chgData name="Merve Turhan" userId="3594cd17-5953-4511-8d53-8cfc799250e7" providerId="ADAL" clId="{E225DE88-74CE-48ED-AC1F-DE1313954DC9}" dt="2022-05-19T14:00:03.958" v="4030" actId="790"/>
          <ac:spMkLst>
            <pc:docMk/>
            <pc:sldMk cId="1112123526" sldId="285"/>
            <ac:spMk id="36" creationId="{EC13264F-3AF9-4EA0-B0E6-5E12F888811C}"/>
          </ac:spMkLst>
        </pc:spChg>
        <pc:spChg chg="mod">
          <ac:chgData name="Merve Turhan" userId="3594cd17-5953-4511-8d53-8cfc799250e7" providerId="ADAL" clId="{E225DE88-74CE-48ED-AC1F-DE1313954DC9}" dt="2022-05-19T14:00:03.958" v="4031" actId="790"/>
          <ac:spMkLst>
            <pc:docMk/>
            <pc:sldMk cId="1112123526" sldId="285"/>
            <ac:spMk id="37" creationId="{433EC486-7963-4D0C-AF62-D4F9F845DFF5}"/>
          </ac:spMkLst>
        </pc:spChg>
      </pc:sldChg>
      <pc:sldChg chg="modSp mod modNotesTx">
        <pc:chgData name="Merve Turhan" userId="3594cd17-5953-4511-8d53-8cfc799250e7" providerId="ADAL" clId="{E225DE88-74CE-48ED-AC1F-DE1313954DC9}" dt="2022-05-19T14:00:03.842" v="3877" actId="790"/>
        <pc:sldMkLst>
          <pc:docMk/>
          <pc:sldMk cId="1059806586" sldId="289"/>
        </pc:sldMkLst>
        <pc:spChg chg="mod">
          <ac:chgData name="Merve Turhan" userId="3594cd17-5953-4511-8d53-8cfc799250e7" providerId="ADAL" clId="{E225DE88-74CE-48ED-AC1F-DE1313954DC9}" dt="2022-05-19T14:00:03.842" v="3871" actId="790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Turhan" userId="3594cd17-5953-4511-8d53-8cfc799250e7" providerId="ADAL" clId="{E225DE88-74CE-48ED-AC1F-DE1313954DC9}" dt="2022-05-19T14:00:03.842" v="3872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Merve Turhan" userId="3594cd17-5953-4511-8d53-8cfc799250e7" providerId="ADAL" clId="{E225DE88-74CE-48ED-AC1F-DE1313954DC9}" dt="2022-05-19T14:00:03.842" v="3873" actId="79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Merve Turhan" userId="3594cd17-5953-4511-8d53-8cfc799250e7" providerId="ADAL" clId="{E225DE88-74CE-48ED-AC1F-DE1313954DC9}" dt="2022-05-19T14:00:03.842" v="3874" actId="790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Merve Turhan" userId="3594cd17-5953-4511-8d53-8cfc799250e7" providerId="ADAL" clId="{E225DE88-74CE-48ED-AC1F-DE1313954DC9}" dt="2022-05-19T14:00:03.842" v="3875" actId="790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Merve Turhan" userId="3594cd17-5953-4511-8d53-8cfc799250e7" providerId="ADAL" clId="{E225DE88-74CE-48ED-AC1F-DE1313954DC9}" dt="2022-05-19T14:00:03.842" v="3876" actId="790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Merve Turhan" userId="3594cd17-5953-4511-8d53-8cfc799250e7" providerId="ADAL" clId="{E225DE88-74CE-48ED-AC1F-DE1313954DC9}" dt="2022-05-19T14:00:03.842" v="3877" actId="790"/>
          <ac:spMkLst>
            <pc:docMk/>
            <pc:sldMk cId="1059806586" sldId="289"/>
            <ac:spMk id="15" creationId="{80EDF406-7701-48DD-AAB0-B20D9721C7CC}"/>
          </ac:spMkLst>
        </pc:spChg>
      </pc:sldChg>
      <pc:sldChg chg="modSp mod">
        <pc:chgData name="Merve Turhan" userId="3594cd17-5953-4511-8d53-8cfc799250e7" providerId="ADAL" clId="{E225DE88-74CE-48ED-AC1F-DE1313954DC9}" dt="2022-05-19T14:00:03.858" v="3882"/>
        <pc:sldMkLst>
          <pc:docMk/>
          <pc:sldMk cId="1230394214" sldId="292"/>
        </pc:sldMkLst>
        <pc:spChg chg="mod">
          <ac:chgData name="Merve Turhan" userId="3594cd17-5953-4511-8d53-8cfc799250e7" providerId="ADAL" clId="{E225DE88-74CE-48ED-AC1F-DE1313954DC9}" dt="2022-05-19T14:00:03.858" v="3881" actId="790"/>
          <ac:spMkLst>
            <pc:docMk/>
            <pc:sldMk cId="1230394214" sldId="292"/>
            <ac:spMk id="2" creationId="{74BCF9DA-A64D-4CE2-A43E-6FBD3F89CCB5}"/>
          </ac:spMkLst>
        </pc:spChg>
        <pc:spChg chg="mod">
          <ac:chgData name="Merve Turhan" userId="3594cd17-5953-4511-8d53-8cfc799250e7" providerId="ADAL" clId="{E225DE88-74CE-48ED-AC1F-DE1313954DC9}" dt="2022-05-19T14:00:03.858" v="3882"/>
          <ac:spMkLst>
            <pc:docMk/>
            <pc:sldMk cId="1230394214" sldId="292"/>
            <ac:spMk id="3" creationId="{C8328C16-31B5-4F52-AA9D-3BB35B224ABB}"/>
          </ac:spMkLst>
        </pc:spChg>
      </pc:sldChg>
      <pc:sldChg chg="addSp modSp mod modAnim modNotesTx">
        <pc:chgData name="Merve Turhan" userId="3594cd17-5953-4511-8d53-8cfc799250e7" providerId="ADAL" clId="{E225DE88-74CE-48ED-AC1F-DE1313954DC9}" dt="2022-05-19T14:00:03.920" v="3968"/>
        <pc:sldMkLst>
          <pc:docMk/>
          <pc:sldMk cId="2125387437" sldId="491"/>
        </pc:sldMkLst>
        <pc:spChg chg="mod">
          <ac:chgData name="Merve Turhan" userId="3594cd17-5953-4511-8d53-8cfc799250e7" providerId="ADAL" clId="{E225DE88-74CE-48ED-AC1F-DE1313954DC9}" dt="2022-05-19T14:00:03.905" v="3961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E225DE88-74CE-48ED-AC1F-DE1313954DC9}" dt="2022-05-19T14:00:03.905" v="3962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E225DE88-74CE-48ED-AC1F-DE1313954DC9}" dt="2022-05-19T14:00:03.905" v="3963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E225DE88-74CE-48ED-AC1F-DE1313954DC9}" dt="2022-05-19T14:00:03.905" v="3964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E225DE88-74CE-48ED-AC1F-DE1313954DC9}" dt="2022-05-19T14:00:03.905" v="3965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E225DE88-74CE-48ED-AC1F-DE1313954DC9}" dt="2022-05-19T14:00:03.905" v="3966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E225DE88-74CE-48ED-AC1F-DE1313954DC9}" dt="2022-05-19T14:00:03.905" v="3967" actId="790"/>
          <ac:spMkLst>
            <pc:docMk/>
            <pc:sldMk cId="2125387437" sldId="491"/>
            <ac:spMk id="86" creationId="{881A8DC3-4C8F-42E9-BD08-9AC9D66EFDE1}"/>
          </ac:spMkLst>
        </pc:spChg>
        <pc:spChg chg="add mod">
          <ac:chgData name="Merve Turhan" userId="3594cd17-5953-4511-8d53-8cfc799250e7" providerId="ADAL" clId="{E225DE88-74CE-48ED-AC1F-DE1313954DC9}" dt="2022-05-19T14:00:03.920" v="3968"/>
          <ac:spMkLst>
            <pc:docMk/>
            <pc:sldMk cId="2125387437" sldId="491"/>
            <ac:spMk id="98" creationId="{11C77276-F58B-4FA0-B41F-ADFA16778009}"/>
          </ac:spMkLst>
        </pc:spChg>
      </pc:sldChg>
      <pc:sldChg chg="addSp modSp mod">
        <pc:chgData name="Merve Turhan" userId="3594cd17-5953-4511-8d53-8cfc799250e7" providerId="ADAL" clId="{E225DE88-74CE-48ED-AC1F-DE1313954DC9}" dt="2022-05-19T14:00:03.920" v="3971" actId="790"/>
        <pc:sldMkLst>
          <pc:docMk/>
          <pc:sldMk cId="3526453984" sldId="492"/>
        </pc:sldMkLst>
        <pc:spChg chg="mod">
          <ac:chgData name="Merve Turhan" userId="3594cd17-5953-4511-8d53-8cfc799250e7" providerId="ADAL" clId="{E225DE88-74CE-48ED-AC1F-DE1313954DC9}" dt="2022-05-19T14:00:03.920" v="3969" actId="790"/>
          <ac:spMkLst>
            <pc:docMk/>
            <pc:sldMk cId="3526453984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E225DE88-74CE-48ED-AC1F-DE1313954DC9}" dt="2022-05-19T14:00:03.920" v="3970" actId="790"/>
          <ac:spMkLst>
            <pc:docMk/>
            <pc:sldMk cId="3526453984" sldId="492"/>
            <ac:spMk id="3" creationId="{E912B625-664A-4682-A8C2-487112DC98B6}"/>
          </ac:spMkLst>
        </pc:spChg>
        <pc:spChg chg="add mod">
          <ac:chgData name="Merve Turhan" userId="3594cd17-5953-4511-8d53-8cfc799250e7" providerId="ADAL" clId="{E225DE88-74CE-48ED-AC1F-DE1313954DC9}" dt="2022-05-19T14:00:03.920" v="3971" actId="790"/>
          <ac:spMkLst>
            <pc:docMk/>
            <pc:sldMk cId="3526453984" sldId="492"/>
            <ac:spMk id="4" creationId="{46F2D01C-BF50-4EAE-9226-32880CD41ED0}"/>
          </ac:spMkLst>
        </pc:spChg>
      </pc:sldChg>
      <pc:sldChg chg="modSp mod">
        <pc:chgData name="Merve Turhan" userId="3594cd17-5953-4511-8d53-8cfc799250e7" providerId="ADAL" clId="{E225DE88-74CE-48ED-AC1F-DE1313954DC9}" dt="2022-05-19T14:00:04.075" v="4176"/>
        <pc:sldMkLst>
          <pc:docMk/>
          <pc:sldMk cId="1207694637" sldId="496"/>
        </pc:sldMkLst>
        <pc:spChg chg="mod">
          <ac:chgData name="Merve Turhan" userId="3594cd17-5953-4511-8d53-8cfc799250e7" providerId="ADAL" clId="{E225DE88-74CE-48ED-AC1F-DE1313954DC9}" dt="2022-05-19T14:00:04.075" v="4174" actId="790"/>
          <ac:spMkLst>
            <pc:docMk/>
            <pc:sldMk cId="1207694637" sldId="496"/>
            <ac:spMk id="2" creationId="{5552E3F4-9A06-4671-B090-DF3C6F71903B}"/>
          </ac:spMkLst>
        </pc:spChg>
        <pc:spChg chg="mod">
          <ac:chgData name="Merve Turhan" userId="3594cd17-5953-4511-8d53-8cfc799250e7" providerId="ADAL" clId="{E225DE88-74CE-48ED-AC1F-DE1313954DC9}" dt="2022-05-19T14:00:04.075" v="4175" actId="790"/>
          <ac:spMkLst>
            <pc:docMk/>
            <pc:sldMk cId="1207694637" sldId="496"/>
            <ac:spMk id="11" creationId="{40DF9E16-FDDF-4F36-92F7-2C33F6D7DA15}"/>
          </ac:spMkLst>
        </pc:spChg>
        <pc:spChg chg="mod">
          <ac:chgData name="Merve Turhan" userId="3594cd17-5953-4511-8d53-8cfc799250e7" providerId="ADAL" clId="{E225DE88-74CE-48ED-AC1F-DE1313954DC9}" dt="2022-05-19T14:00:04.075" v="4176"/>
          <ac:spMkLst>
            <pc:docMk/>
            <pc:sldMk cId="1207694637" sldId="496"/>
            <ac:spMk id="12" creationId="{D643F25B-8492-4DBB-97E5-26AEE18BC390}"/>
          </ac:spMkLst>
        </pc:spChg>
      </pc:sldChg>
      <pc:sldChg chg="modSp mod">
        <pc:chgData name="Merve Turhan" userId="3594cd17-5953-4511-8d53-8cfc799250e7" providerId="ADAL" clId="{E225DE88-74CE-48ED-AC1F-DE1313954DC9}" dt="2022-05-19T14:00:03.858" v="3890"/>
        <pc:sldMkLst>
          <pc:docMk/>
          <pc:sldMk cId="3437026346" sldId="501"/>
        </pc:sldMkLst>
        <pc:spChg chg="mod">
          <ac:chgData name="Merve Turhan" userId="3594cd17-5953-4511-8d53-8cfc799250e7" providerId="ADAL" clId="{E225DE88-74CE-48ED-AC1F-DE1313954DC9}" dt="2022-05-19T14:00:03.858" v="3883" actId="790"/>
          <ac:spMkLst>
            <pc:docMk/>
            <pc:sldMk cId="3437026346" sldId="501"/>
            <ac:spMk id="4" creationId="{EA7D4468-58D5-40D1-8182-8FDBCEF777E1}"/>
          </ac:spMkLst>
        </pc:spChg>
        <pc:spChg chg="mod">
          <ac:chgData name="Merve Turhan" userId="3594cd17-5953-4511-8d53-8cfc799250e7" providerId="ADAL" clId="{E225DE88-74CE-48ED-AC1F-DE1313954DC9}" dt="2022-05-19T14:00:03.858" v="3884"/>
          <ac:spMkLst>
            <pc:docMk/>
            <pc:sldMk cId="3437026346" sldId="501"/>
            <ac:spMk id="5" creationId="{393A08AF-E8DD-44C5-A85C-B1192DD283A4}"/>
          </ac:spMkLst>
        </pc:spChg>
        <pc:spChg chg="mod">
          <ac:chgData name="Merve Turhan" userId="3594cd17-5953-4511-8d53-8cfc799250e7" providerId="ADAL" clId="{E225DE88-74CE-48ED-AC1F-DE1313954DC9}" dt="2022-05-19T14:00:03.858" v="3885" actId="790"/>
          <ac:spMkLst>
            <pc:docMk/>
            <pc:sldMk cId="3437026346" sldId="501"/>
            <ac:spMk id="6" creationId="{56AFC71C-F7A5-47C7-AC2C-FD58718975AF}"/>
          </ac:spMkLst>
        </pc:spChg>
        <pc:spChg chg="mod">
          <ac:chgData name="Merve Turhan" userId="3594cd17-5953-4511-8d53-8cfc799250e7" providerId="ADAL" clId="{E225DE88-74CE-48ED-AC1F-DE1313954DC9}" dt="2022-05-19T14:00:03.858" v="3886" actId="790"/>
          <ac:spMkLst>
            <pc:docMk/>
            <pc:sldMk cId="3437026346" sldId="501"/>
            <ac:spMk id="11" creationId="{E6D1E66D-7E35-4037-A967-BD046D6E642F}"/>
          </ac:spMkLst>
        </pc:spChg>
        <pc:spChg chg="mod">
          <ac:chgData name="Merve Turhan" userId="3594cd17-5953-4511-8d53-8cfc799250e7" providerId="ADAL" clId="{E225DE88-74CE-48ED-AC1F-DE1313954DC9}" dt="2022-05-19T14:00:03.858" v="3887" actId="790"/>
          <ac:spMkLst>
            <pc:docMk/>
            <pc:sldMk cId="3437026346" sldId="501"/>
            <ac:spMk id="12" creationId="{2104418B-B405-4546-961F-441684FDDF4D}"/>
          </ac:spMkLst>
        </pc:spChg>
        <pc:spChg chg="mod">
          <ac:chgData name="Merve Turhan" userId="3594cd17-5953-4511-8d53-8cfc799250e7" providerId="ADAL" clId="{E225DE88-74CE-48ED-AC1F-DE1313954DC9}" dt="2022-05-19T14:00:03.858" v="3888" actId="790"/>
          <ac:spMkLst>
            <pc:docMk/>
            <pc:sldMk cId="3437026346" sldId="501"/>
            <ac:spMk id="13" creationId="{77302FF2-BC11-4E2F-A8A8-00912EC3652F}"/>
          </ac:spMkLst>
        </pc:spChg>
        <pc:spChg chg="mod">
          <ac:chgData name="Merve Turhan" userId="3594cd17-5953-4511-8d53-8cfc799250e7" providerId="ADAL" clId="{E225DE88-74CE-48ED-AC1F-DE1313954DC9}" dt="2022-05-19T14:00:03.858" v="3889" actId="790"/>
          <ac:spMkLst>
            <pc:docMk/>
            <pc:sldMk cId="3437026346" sldId="501"/>
            <ac:spMk id="15" creationId="{7FF76BA8-71F4-4AF4-9933-73900FF6CD68}"/>
          </ac:spMkLst>
        </pc:spChg>
        <pc:spChg chg="mod">
          <ac:chgData name="Merve Turhan" userId="3594cd17-5953-4511-8d53-8cfc799250e7" providerId="ADAL" clId="{E225DE88-74CE-48ED-AC1F-DE1313954DC9}" dt="2022-05-19T14:00:03.858" v="3890"/>
          <ac:spMkLst>
            <pc:docMk/>
            <pc:sldMk cId="3437026346" sldId="501"/>
            <ac:spMk id="16" creationId="{861BABB0-65A0-4611-9B94-E36C8FC16FF6}"/>
          </ac:spMkLst>
        </pc:spChg>
      </pc:sldChg>
      <pc:sldChg chg="modSp mod">
        <pc:chgData name="Merve Turhan" userId="3594cd17-5953-4511-8d53-8cfc799250e7" providerId="ADAL" clId="{E225DE88-74CE-48ED-AC1F-DE1313954DC9}" dt="2022-05-19T14:00:04.020" v="4107" actId="790"/>
        <pc:sldMkLst>
          <pc:docMk/>
          <pc:sldMk cId="7423119" sldId="503"/>
        </pc:sldMkLst>
        <pc:spChg chg="mod">
          <ac:chgData name="Merve Turhan" userId="3594cd17-5953-4511-8d53-8cfc799250e7" providerId="ADAL" clId="{E225DE88-74CE-48ED-AC1F-DE1313954DC9}" dt="2022-05-19T14:00:04.005" v="4092" actId="790"/>
          <ac:spMkLst>
            <pc:docMk/>
            <pc:sldMk cId="7423119" sldId="503"/>
            <ac:spMk id="2" creationId="{769D6A69-CA26-4F52-AC72-6E3BAB115F6E}"/>
          </ac:spMkLst>
        </pc:spChg>
        <pc:spChg chg="mod">
          <ac:chgData name="Merve Turhan" userId="3594cd17-5953-4511-8d53-8cfc799250e7" providerId="ADAL" clId="{E225DE88-74CE-48ED-AC1F-DE1313954DC9}" dt="2022-05-19T14:00:04.020" v="4093" actId="790"/>
          <ac:spMkLst>
            <pc:docMk/>
            <pc:sldMk cId="7423119" sldId="503"/>
            <ac:spMk id="3" creationId="{564CE5E3-F3B4-4237-88B0-E6459D52AB6F}"/>
          </ac:spMkLst>
        </pc:spChg>
        <pc:spChg chg="mod">
          <ac:chgData name="Merve Turhan" userId="3594cd17-5953-4511-8d53-8cfc799250e7" providerId="ADAL" clId="{E225DE88-74CE-48ED-AC1F-DE1313954DC9}" dt="2022-05-19T14:00:04.020" v="4094" actId="790"/>
          <ac:spMkLst>
            <pc:docMk/>
            <pc:sldMk cId="7423119" sldId="503"/>
            <ac:spMk id="4" creationId="{8D1B08C6-84B0-4CAB-99A8-6B05FACCFB68}"/>
          </ac:spMkLst>
        </pc:spChg>
        <pc:spChg chg="mod">
          <ac:chgData name="Merve Turhan" userId="3594cd17-5953-4511-8d53-8cfc799250e7" providerId="ADAL" clId="{E225DE88-74CE-48ED-AC1F-DE1313954DC9}" dt="2022-05-19T14:00:04.020" v="4095" actId="790"/>
          <ac:spMkLst>
            <pc:docMk/>
            <pc:sldMk cId="7423119" sldId="503"/>
            <ac:spMk id="5" creationId="{29F2DF52-DBAC-44C7-96B0-F07A3378557C}"/>
          </ac:spMkLst>
        </pc:spChg>
        <pc:spChg chg="mod">
          <ac:chgData name="Merve Turhan" userId="3594cd17-5953-4511-8d53-8cfc799250e7" providerId="ADAL" clId="{E225DE88-74CE-48ED-AC1F-DE1313954DC9}" dt="2022-05-19T14:00:04.020" v="4096" actId="790"/>
          <ac:spMkLst>
            <pc:docMk/>
            <pc:sldMk cId="7423119" sldId="503"/>
            <ac:spMk id="6" creationId="{59F27082-D315-413C-AA36-1CD9776A90E3}"/>
          </ac:spMkLst>
        </pc:spChg>
        <pc:spChg chg="mod">
          <ac:chgData name="Merve Turhan" userId="3594cd17-5953-4511-8d53-8cfc799250e7" providerId="ADAL" clId="{E225DE88-74CE-48ED-AC1F-DE1313954DC9}" dt="2022-05-19T14:00:04.020" v="4097" actId="790"/>
          <ac:spMkLst>
            <pc:docMk/>
            <pc:sldMk cId="7423119" sldId="503"/>
            <ac:spMk id="7" creationId="{D6E72D87-12B6-43D3-88F6-75EEA447F935}"/>
          </ac:spMkLst>
        </pc:spChg>
        <pc:spChg chg="mod">
          <ac:chgData name="Merve Turhan" userId="3594cd17-5953-4511-8d53-8cfc799250e7" providerId="ADAL" clId="{E225DE88-74CE-48ED-AC1F-DE1313954DC9}" dt="2022-05-19T14:00:04.020" v="4098" actId="790"/>
          <ac:spMkLst>
            <pc:docMk/>
            <pc:sldMk cId="7423119" sldId="503"/>
            <ac:spMk id="8" creationId="{1640211A-D611-4A80-ACB7-D4DC6E04E250}"/>
          </ac:spMkLst>
        </pc:spChg>
        <pc:spChg chg="mod">
          <ac:chgData name="Merve Turhan" userId="3594cd17-5953-4511-8d53-8cfc799250e7" providerId="ADAL" clId="{E225DE88-74CE-48ED-AC1F-DE1313954DC9}" dt="2022-05-19T14:00:04.020" v="4099" actId="790"/>
          <ac:spMkLst>
            <pc:docMk/>
            <pc:sldMk cId="7423119" sldId="503"/>
            <ac:spMk id="9" creationId="{9406963F-4B96-45FD-81D7-231AA8DB8EF9}"/>
          </ac:spMkLst>
        </pc:spChg>
        <pc:spChg chg="mod">
          <ac:chgData name="Merve Turhan" userId="3594cd17-5953-4511-8d53-8cfc799250e7" providerId="ADAL" clId="{E225DE88-74CE-48ED-AC1F-DE1313954DC9}" dt="2022-05-19T14:00:04.020" v="4100" actId="790"/>
          <ac:spMkLst>
            <pc:docMk/>
            <pc:sldMk cId="7423119" sldId="503"/>
            <ac:spMk id="10" creationId="{A161401B-8407-43DC-B6F7-7F531842B358}"/>
          </ac:spMkLst>
        </pc:spChg>
        <pc:spChg chg="mod">
          <ac:chgData name="Merve Turhan" userId="3594cd17-5953-4511-8d53-8cfc799250e7" providerId="ADAL" clId="{E225DE88-74CE-48ED-AC1F-DE1313954DC9}" dt="2022-05-19T14:00:04.020" v="4101" actId="790"/>
          <ac:spMkLst>
            <pc:docMk/>
            <pc:sldMk cId="7423119" sldId="503"/>
            <ac:spMk id="22" creationId="{93C9BA85-3C61-4877-9F37-BEE277DD0130}"/>
          </ac:spMkLst>
        </pc:spChg>
        <pc:spChg chg="mod">
          <ac:chgData name="Merve Turhan" userId="3594cd17-5953-4511-8d53-8cfc799250e7" providerId="ADAL" clId="{E225DE88-74CE-48ED-AC1F-DE1313954DC9}" dt="2022-05-19T14:00:04.020" v="4102" actId="790"/>
          <ac:spMkLst>
            <pc:docMk/>
            <pc:sldMk cId="7423119" sldId="503"/>
            <ac:spMk id="23" creationId="{1EE719FC-F53E-4633-814E-9C9D2FEC5543}"/>
          </ac:spMkLst>
        </pc:spChg>
        <pc:spChg chg="mod">
          <ac:chgData name="Merve Turhan" userId="3594cd17-5953-4511-8d53-8cfc799250e7" providerId="ADAL" clId="{E225DE88-74CE-48ED-AC1F-DE1313954DC9}" dt="2022-05-19T14:00:04.020" v="4104" actId="790"/>
          <ac:spMkLst>
            <pc:docMk/>
            <pc:sldMk cId="7423119" sldId="503"/>
            <ac:spMk id="24" creationId="{27FD9022-3BDA-4679-89ED-6CE2833935CF}"/>
          </ac:spMkLst>
        </pc:spChg>
        <pc:spChg chg="mod">
          <ac:chgData name="Merve Turhan" userId="3594cd17-5953-4511-8d53-8cfc799250e7" providerId="ADAL" clId="{E225DE88-74CE-48ED-AC1F-DE1313954DC9}" dt="2022-05-19T14:00:04.020" v="4103" actId="790"/>
          <ac:spMkLst>
            <pc:docMk/>
            <pc:sldMk cId="7423119" sldId="503"/>
            <ac:spMk id="26" creationId="{138D257A-DD0A-4873-84C8-F62A958A5013}"/>
          </ac:spMkLst>
        </pc:spChg>
        <pc:spChg chg="mod">
          <ac:chgData name="Merve Turhan" userId="3594cd17-5953-4511-8d53-8cfc799250e7" providerId="ADAL" clId="{E225DE88-74CE-48ED-AC1F-DE1313954DC9}" dt="2022-05-19T14:00:04.020" v="4105" actId="790"/>
          <ac:spMkLst>
            <pc:docMk/>
            <pc:sldMk cId="7423119" sldId="503"/>
            <ac:spMk id="29" creationId="{E0786F51-C5CB-4C5D-8AD3-9CD5D5927783}"/>
          </ac:spMkLst>
        </pc:spChg>
        <pc:spChg chg="mod">
          <ac:chgData name="Merve Turhan" userId="3594cd17-5953-4511-8d53-8cfc799250e7" providerId="ADAL" clId="{E225DE88-74CE-48ED-AC1F-DE1313954DC9}" dt="2022-05-19T14:00:04.020" v="4106" actId="790"/>
          <ac:spMkLst>
            <pc:docMk/>
            <pc:sldMk cId="7423119" sldId="503"/>
            <ac:spMk id="30" creationId="{3FC9DE31-3087-4F90-9F18-C17EDFD5231B}"/>
          </ac:spMkLst>
        </pc:spChg>
        <pc:spChg chg="mod">
          <ac:chgData name="Merve Turhan" userId="3594cd17-5953-4511-8d53-8cfc799250e7" providerId="ADAL" clId="{E225DE88-74CE-48ED-AC1F-DE1313954DC9}" dt="2022-05-19T14:00:04.020" v="4107" actId="790"/>
          <ac:spMkLst>
            <pc:docMk/>
            <pc:sldMk cId="7423119" sldId="503"/>
            <ac:spMk id="31" creationId="{A7ECECD8-13A6-462E-AE5B-CE2F498B0EB3}"/>
          </ac:spMkLst>
        </pc:spChg>
      </pc:sldChg>
      <pc:sldChg chg="modSp mod">
        <pc:chgData name="Merve Turhan" userId="3594cd17-5953-4511-8d53-8cfc799250e7" providerId="ADAL" clId="{E225DE88-74CE-48ED-AC1F-DE1313954DC9}" dt="2022-05-19T14:00:03.942" v="4006" actId="790"/>
        <pc:sldMkLst>
          <pc:docMk/>
          <pc:sldMk cId="3262218141" sldId="512"/>
        </pc:sldMkLst>
        <pc:spChg chg="mod">
          <ac:chgData name="Merve Turhan" userId="3594cd17-5953-4511-8d53-8cfc799250e7" providerId="ADAL" clId="{E225DE88-74CE-48ED-AC1F-DE1313954DC9}" dt="2022-05-19T14:00:03.920" v="3979" actId="790"/>
          <ac:spMkLst>
            <pc:docMk/>
            <pc:sldMk cId="3262218141" sldId="512"/>
            <ac:spMk id="2" creationId="{642BE25F-90A2-4B63-B1FD-2969EF539A0C}"/>
          </ac:spMkLst>
        </pc:spChg>
        <pc:spChg chg="mod">
          <ac:chgData name="Merve Turhan" userId="3594cd17-5953-4511-8d53-8cfc799250e7" providerId="ADAL" clId="{E225DE88-74CE-48ED-AC1F-DE1313954DC9}" dt="2022-05-19T14:00:03.920" v="3980" actId="790"/>
          <ac:spMkLst>
            <pc:docMk/>
            <pc:sldMk cId="3262218141" sldId="512"/>
            <ac:spMk id="3" creationId="{33AE2E6A-76C6-4AA5-993A-A67B2C479625}"/>
          </ac:spMkLst>
        </pc:spChg>
        <pc:spChg chg="mod">
          <ac:chgData name="Merve Turhan" userId="3594cd17-5953-4511-8d53-8cfc799250e7" providerId="ADAL" clId="{E225DE88-74CE-48ED-AC1F-DE1313954DC9}" dt="2022-05-19T14:00:03.942" v="4005" actId="790"/>
          <ac:spMkLst>
            <pc:docMk/>
            <pc:sldMk cId="3262218141" sldId="512"/>
            <ac:spMk id="13" creationId="{42BDDD5A-482B-4635-9606-F527F550A9CA}"/>
          </ac:spMkLst>
        </pc:spChg>
        <pc:spChg chg="mod">
          <ac:chgData name="Merve Turhan" userId="3594cd17-5953-4511-8d53-8cfc799250e7" providerId="ADAL" clId="{E225DE88-74CE-48ED-AC1F-DE1313954DC9}" dt="2022-05-19T14:00:03.942" v="4006" actId="790"/>
          <ac:spMkLst>
            <pc:docMk/>
            <pc:sldMk cId="3262218141" sldId="512"/>
            <ac:spMk id="14" creationId="{02658554-F369-463D-8613-4A949CCAB7E6}"/>
          </ac:spMkLst>
        </pc:spChg>
        <pc:spChg chg="mod">
          <ac:chgData name="Merve Turhan" userId="3594cd17-5953-4511-8d53-8cfc799250e7" providerId="ADAL" clId="{E225DE88-74CE-48ED-AC1F-DE1313954DC9}" dt="2022-05-19T14:00:03.920" v="3981" actId="790"/>
          <ac:spMkLst>
            <pc:docMk/>
            <pc:sldMk cId="3262218141" sldId="512"/>
            <ac:spMk id="16" creationId="{7EEFB7C8-134B-453D-A0A3-7E903753CE1F}"/>
          </ac:spMkLst>
        </pc:spChg>
        <pc:spChg chg="mod">
          <ac:chgData name="Merve Turhan" userId="3594cd17-5953-4511-8d53-8cfc799250e7" providerId="ADAL" clId="{E225DE88-74CE-48ED-AC1F-DE1313954DC9}" dt="2022-05-19T14:00:03.920" v="3982" actId="790"/>
          <ac:spMkLst>
            <pc:docMk/>
            <pc:sldMk cId="3262218141" sldId="512"/>
            <ac:spMk id="17" creationId="{E79CA24E-2BD1-4C31-B87C-923F0EA3EA3D}"/>
          </ac:spMkLst>
        </pc:spChg>
        <pc:spChg chg="mod">
          <ac:chgData name="Merve Turhan" userId="3594cd17-5953-4511-8d53-8cfc799250e7" providerId="ADAL" clId="{E225DE88-74CE-48ED-AC1F-DE1313954DC9}" dt="2022-05-19T14:00:03.936" v="3983" actId="790"/>
          <ac:spMkLst>
            <pc:docMk/>
            <pc:sldMk cId="3262218141" sldId="512"/>
            <ac:spMk id="42" creationId="{F8F76C90-3104-4031-A7FD-433A6E680AE1}"/>
          </ac:spMkLst>
        </pc:spChg>
        <pc:spChg chg="mod">
          <ac:chgData name="Merve Turhan" userId="3594cd17-5953-4511-8d53-8cfc799250e7" providerId="ADAL" clId="{E225DE88-74CE-48ED-AC1F-DE1313954DC9}" dt="2022-05-19T14:00:03.936" v="3984" actId="790"/>
          <ac:spMkLst>
            <pc:docMk/>
            <pc:sldMk cId="3262218141" sldId="512"/>
            <ac:spMk id="43" creationId="{43A4895C-CD3C-4446-9FF0-BDA19CBE298B}"/>
          </ac:spMkLst>
        </pc:spChg>
        <pc:spChg chg="mod">
          <ac:chgData name="Merve Turhan" userId="3594cd17-5953-4511-8d53-8cfc799250e7" providerId="ADAL" clId="{E225DE88-74CE-48ED-AC1F-DE1313954DC9}" dt="2022-05-19T14:00:03.936" v="3985" actId="790"/>
          <ac:spMkLst>
            <pc:docMk/>
            <pc:sldMk cId="3262218141" sldId="512"/>
            <ac:spMk id="44" creationId="{97B5076D-BBF9-491B-8552-BAF51E6B40BD}"/>
          </ac:spMkLst>
        </pc:spChg>
        <pc:spChg chg="mod">
          <ac:chgData name="Merve Turhan" userId="3594cd17-5953-4511-8d53-8cfc799250e7" providerId="ADAL" clId="{E225DE88-74CE-48ED-AC1F-DE1313954DC9}" dt="2022-05-19T14:00:03.936" v="3986" actId="790"/>
          <ac:spMkLst>
            <pc:docMk/>
            <pc:sldMk cId="3262218141" sldId="512"/>
            <ac:spMk id="45" creationId="{CDC567B6-BA70-41D8-95AB-5F34BCAAD034}"/>
          </ac:spMkLst>
        </pc:spChg>
        <pc:spChg chg="mod">
          <ac:chgData name="Merve Turhan" userId="3594cd17-5953-4511-8d53-8cfc799250e7" providerId="ADAL" clId="{E225DE88-74CE-48ED-AC1F-DE1313954DC9}" dt="2022-05-19T14:00:03.936" v="3987" actId="790"/>
          <ac:spMkLst>
            <pc:docMk/>
            <pc:sldMk cId="3262218141" sldId="512"/>
            <ac:spMk id="46" creationId="{EE0F5776-7A07-47B3-A953-F32B8AF874F5}"/>
          </ac:spMkLst>
        </pc:spChg>
        <pc:spChg chg="mod">
          <ac:chgData name="Merve Turhan" userId="3594cd17-5953-4511-8d53-8cfc799250e7" providerId="ADAL" clId="{E225DE88-74CE-48ED-AC1F-DE1313954DC9}" dt="2022-05-19T14:00:03.936" v="3988" actId="790"/>
          <ac:spMkLst>
            <pc:docMk/>
            <pc:sldMk cId="3262218141" sldId="512"/>
            <ac:spMk id="47" creationId="{C8E27176-4D9C-4AC7-BE5D-A417E3A42233}"/>
          </ac:spMkLst>
        </pc:spChg>
        <pc:spChg chg="mod">
          <ac:chgData name="Merve Turhan" userId="3594cd17-5953-4511-8d53-8cfc799250e7" providerId="ADAL" clId="{E225DE88-74CE-48ED-AC1F-DE1313954DC9}" dt="2022-05-19T14:00:03.936" v="3989" actId="790"/>
          <ac:spMkLst>
            <pc:docMk/>
            <pc:sldMk cId="3262218141" sldId="512"/>
            <ac:spMk id="48" creationId="{F5909B19-0492-4D4C-91CB-1F9CB284F9B6}"/>
          </ac:spMkLst>
        </pc:spChg>
        <pc:spChg chg="mod">
          <ac:chgData name="Merve Turhan" userId="3594cd17-5953-4511-8d53-8cfc799250e7" providerId="ADAL" clId="{E225DE88-74CE-48ED-AC1F-DE1313954DC9}" dt="2022-05-19T14:00:03.936" v="3990" actId="790"/>
          <ac:spMkLst>
            <pc:docMk/>
            <pc:sldMk cId="3262218141" sldId="512"/>
            <ac:spMk id="49" creationId="{E5BB8369-535D-49D6-9814-3DD96BCDACC1}"/>
          </ac:spMkLst>
        </pc:spChg>
        <pc:spChg chg="mod">
          <ac:chgData name="Merve Turhan" userId="3594cd17-5953-4511-8d53-8cfc799250e7" providerId="ADAL" clId="{E225DE88-74CE-48ED-AC1F-DE1313954DC9}" dt="2022-05-19T14:00:03.936" v="3991" actId="790"/>
          <ac:spMkLst>
            <pc:docMk/>
            <pc:sldMk cId="3262218141" sldId="512"/>
            <ac:spMk id="50" creationId="{C48E3122-DCF1-41E1-835D-F7342FF6423D}"/>
          </ac:spMkLst>
        </pc:spChg>
        <pc:spChg chg="mod">
          <ac:chgData name="Merve Turhan" userId="3594cd17-5953-4511-8d53-8cfc799250e7" providerId="ADAL" clId="{E225DE88-74CE-48ED-AC1F-DE1313954DC9}" dt="2022-05-19T14:00:03.942" v="3992" actId="790"/>
          <ac:spMkLst>
            <pc:docMk/>
            <pc:sldMk cId="3262218141" sldId="512"/>
            <ac:spMk id="51" creationId="{66D270E5-29D1-4EF2-8A59-504BF0B20AE1}"/>
          </ac:spMkLst>
        </pc:spChg>
        <pc:spChg chg="mod">
          <ac:chgData name="Merve Turhan" userId="3594cd17-5953-4511-8d53-8cfc799250e7" providerId="ADAL" clId="{E225DE88-74CE-48ED-AC1F-DE1313954DC9}" dt="2022-05-19T14:00:03.942" v="3993" actId="790"/>
          <ac:spMkLst>
            <pc:docMk/>
            <pc:sldMk cId="3262218141" sldId="512"/>
            <ac:spMk id="52" creationId="{B0C18C8F-C856-426E-A4EF-49E43AE2D64F}"/>
          </ac:spMkLst>
        </pc:spChg>
        <pc:spChg chg="mod">
          <ac:chgData name="Merve Turhan" userId="3594cd17-5953-4511-8d53-8cfc799250e7" providerId="ADAL" clId="{E225DE88-74CE-48ED-AC1F-DE1313954DC9}" dt="2022-05-19T14:00:03.942" v="3994" actId="790"/>
          <ac:spMkLst>
            <pc:docMk/>
            <pc:sldMk cId="3262218141" sldId="512"/>
            <ac:spMk id="53" creationId="{872A049D-818D-4C5A-9C37-6C5040121CFB}"/>
          </ac:spMkLst>
        </pc:spChg>
        <pc:spChg chg="mod">
          <ac:chgData name="Merve Turhan" userId="3594cd17-5953-4511-8d53-8cfc799250e7" providerId="ADAL" clId="{E225DE88-74CE-48ED-AC1F-DE1313954DC9}" dt="2022-05-19T14:00:03.942" v="3995" actId="790"/>
          <ac:spMkLst>
            <pc:docMk/>
            <pc:sldMk cId="3262218141" sldId="512"/>
            <ac:spMk id="54" creationId="{634B31CB-8A2A-411B-8F2B-D05CC0BB6DD9}"/>
          </ac:spMkLst>
        </pc:spChg>
        <pc:spChg chg="mod">
          <ac:chgData name="Merve Turhan" userId="3594cd17-5953-4511-8d53-8cfc799250e7" providerId="ADAL" clId="{E225DE88-74CE-48ED-AC1F-DE1313954DC9}" dt="2022-05-19T14:00:03.942" v="3996" actId="790"/>
          <ac:spMkLst>
            <pc:docMk/>
            <pc:sldMk cId="3262218141" sldId="512"/>
            <ac:spMk id="55" creationId="{2140AD50-4370-4FAE-8B6F-342D0E2BE962}"/>
          </ac:spMkLst>
        </pc:spChg>
        <pc:spChg chg="mod">
          <ac:chgData name="Merve Turhan" userId="3594cd17-5953-4511-8d53-8cfc799250e7" providerId="ADAL" clId="{E225DE88-74CE-48ED-AC1F-DE1313954DC9}" dt="2022-05-19T14:00:03.942" v="3997" actId="790"/>
          <ac:spMkLst>
            <pc:docMk/>
            <pc:sldMk cId="3262218141" sldId="512"/>
            <ac:spMk id="56" creationId="{5CB04E6C-FC26-48CE-914B-00422FC45C94}"/>
          </ac:spMkLst>
        </pc:spChg>
        <pc:spChg chg="mod">
          <ac:chgData name="Merve Turhan" userId="3594cd17-5953-4511-8d53-8cfc799250e7" providerId="ADAL" clId="{E225DE88-74CE-48ED-AC1F-DE1313954DC9}" dt="2022-05-19T14:00:03.942" v="3998" actId="790"/>
          <ac:spMkLst>
            <pc:docMk/>
            <pc:sldMk cId="3262218141" sldId="512"/>
            <ac:spMk id="57" creationId="{4B59CA59-5E77-487C-B22C-4E5BFEAD5007}"/>
          </ac:spMkLst>
        </pc:spChg>
        <pc:spChg chg="mod">
          <ac:chgData name="Merve Turhan" userId="3594cd17-5953-4511-8d53-8cfc799250e7" providerId="ADAL" clId="{E225DE88-74CE-48ED-AC1F-DE1313954DC9}" dt="2022-05-19T14:00:03.942" v="3999" actId="790"/>
          <ac:spMkLst>
            <pc:docMk/>
            <pc:sldMk cId="3262218141" sldId="512"/>
            <ac:spMk id="58" creationId="{102FBFAF-9E9E-410A-A30C-399AE798A8A1}"/>
          </ac:spMkLst>
        </pc:spChg>
        <pc:spChg chg="mod">
          <ac:chgData name="Merve Turhan" userId="3594cd17-5953-4511-8d53-8cfc799250e7" providerId="ADAL" clId="{E225DE88-74CE-48ED-AC1F-DE1313954DC9}" dt="2022-05-19T14:00:03.942" v="4000" actId="790"/>
          <ac:spMkLst>
            <pc:docMk/>
            <pc:sldMk cId="3262218141" sldId="512"/>
            <ac:spMk id="59" creationId="{36FDE196-082B-4D0D-B07D-FEBFFC7AD4C0}"/>
          </ac:spMkLst>
        </pc:spChg>
        <pc:spChg chg="mod">
          <ac:chgData name="Merve Turhan" userId="3594cd17-5953-4511-8d53-8cfc799250e7" providerId="ADAL" clId="{E225DE88-74CE-48ED-AC1F-DE1313954DC9}" dt="2022-05-19T14:00:03.942" v="4001" actId="790"/>
          <ac:spMkLst>
            <pc:docMk/>
            <pc:sldMk cId="3262218141" sldId="512"/>
            <ac:spMk id="60" creationId="{2731C4E2-7333-4183-B067-0FB960C4786B}"/>
          </ac:spMkLst>
        </pc:spChg>
        <pc:spChg chg="mod">
          <ac:chgData name="Merve Turhan" userId="3594cd17-5953-4511-8d53-8cfc799250e7" providerId="ADAL" clId="{E225DE88-74CE-48ED-AC1F-DE1313954DC9}" dt="2022-05-19T14:00:03.942" v="4002" actId="790"/>
          <ac:spMkLst>
            <pc:docMk/>
            <pc:sldMk cId="3262218141" sldId="512"/>
            <ac:spMk id="61" creationId="{C94B24DD-EC3D-4952-A64D-A301DB2971FD}"/>
          </ac:spMkLst>
        </pc:spChg>
        <pc:spChg chg="mod">
          <ac:chgData name="Merve Turhan" userId="3594cd17-5953-4511-8d53-8cfc799250e7" providerId="ADAL" clId="{E225DE88-74CE-48ED-AC1F-DE1313954DC9}" dt="2022-05-19T14:00:03.942" v="4003" actId="790"/>
          <ac:spMkLst>
            <pc:docMk/>
            <pc:sldMk cId="3262218141" sldId="512"/>
            <ac:spMk id="62" creationId="{010E2EF7-8616-44DC-B3B1-F58E23DE912C}"/>
          </ac:spMkLst>
        </pc:spChg>
        <pc:spChg chg="mod">
          <ac:chgData name="Merve Turhan" userId="3594cd17-5953-4511-8d53-8cfc799250e7" providerId="ADAL" clId="{E225DE88-74CE-48ED-AC1F-DE1313954DC9}" dt="2022-05-19T14:00:03.942" v="4004" actId="790"/>
          <ac:spMkLst>
            <pc:docMk/>
            <pc:sldMk cId="3262218141" sldId="512"/>
            <ac:spMk id="63" creationId="{F7242CA7-8914-472A-AA09-0679F25FA039}"/>
          </ac:spMkLst>
        </pc:spChg>
      </pc:sldChg>
      <pc:sldChg chg="modSp del mod">
        <pc:chgData name="Merve Turhan" userId="3594cd17-5953-4511-8d53-8cfc799250e7" providerId="ADAL" clId="{E225DE88-74CE-48ED-AC1F-DE1313954DC9}" dt="2022-05-18T21:37:18.685" v="2607" actId="47"/>
        <pc:sldMkLst>
          <pc:docMk/>
          <pc:sldMk cId="110602816" sldId="530"/>
        </pc:sldMkLst>
        <pc:spChg chg="mod">
          <ac:chgData name="Merve Turhan" userId="3594cd17-5953-4511-8d53-8cfc799250e7" providerId="ADAL" clId="{E225DE88-74CE-48ED-AC1F-DE1313954DC9}" dt="2022-05-17T18:09:30.500" v="920" actId="790"/>
          <ac:spMkLst>
            <pc:docMk/>
            <pc:sldMk cId="110602816" sldId="530"/>
            <ac:spMk id="2" creationId="{67310769-293A-4EED-A629-38DD2A3C78E2}"/>
          </ac:spMkLst>
        </pc:spChg>
        <pc:spChg chg="mod">
          <ac:chgData name="Merve Turhan" userId="3594cd17-5953-4511-8d53-8cfc799250e7" providerId="ADAL" clId="{E225DE88-74CE-48ED-AC1F-DE1313954DC9}" dt="2022-05-17T18:09:30.500" v="921"/>
          <ac:spMkLst>
            <pc:docMk/>
            <pc:sldMk cId="110602816" sldId="530"/>
            <ac:spMk id="3" creationId="{DA2EF952-5634-47AA-B46E-D4BEB35EA5D2}"/>
          </ac:spMkLst>
        </pc:spChg>
        <pc:spChg chg="mod">
          <ac:chgData name="Merve Turhan" userId="3594cd17-5953-4511-8d53-8cfc799250e7" providerId="ADAL" clId="{E225DE88-74CE-48ED-AC1F-DE1313954DC9}" dt="2022-05-17T18:09:30.501" v="922" actId="790"/>
          <ac:spMkLst>
            <pc:docMk/>
            <pc:sldMk cId="110602816" sldId="530"/>
            <ac:spMk id="5" creationId="{570487F5-E6AA-492B-A539-53A7232AAD32}"/>
          </ac:spMkLst>
        </pc:spChg>
      </pc:sldChg>
      <pc:sldChg chg="addSp delSp modSp mod modAnim modNotesTx">
        <pc:chgData name="Merve Turhan" userId="3594cd17-5953-4511-8d53-8cfc799250e7" providerId="ADAL" clId="{E225DE88-74CE-48ED-AC1F-DE1313954DC9}" dt="2022-05-19T14:00:03.858" v="3880"/>
        <pc:sldMkLst>
          <pc:docMk/>
          <pc:sldMk cId="2291861504" sldId="531"/>
        </pc:sldMkLst>
        <pc:spChg chg="mod">
          <ac:chgData name="Merve Turhan" userId="3594cd17-5953-4511-8d53-8cfc799250e7" providerId="ADAL" clId="{E225DE88-74CE-48ED-AC1F-DE1313954DC9}" dt="2022-05-19T14:00:03.858" v="3878" actId="790"/>
          <ac:spMkLst>
            <pc:docMk/>
            <pc:sldMk cId="2291861504" sldId="531"/>
            <ac:spMk id="3" creationId="{6DE19459-6368-44AA-9A38-0856FA73597F}"/>
          </ac:spMkLst>
        </pc:spChg>
        <pc:spChg chg="mod">
          <ac:chgData name="Merve Turhan" userId="3594cd17-5953-4511-8d53-8cfc799250e7" providerId="ADAL" clId="{E225DE88-74CE-48ED-AC1F-DE1313954DC9}" dt="2022-05-19T14:00:03.858" v="3879" actId="790"/>
          <ac:spMkLst>
            <pc:docMk/>
            <pc:sldMk cId="2291861504" sldId="531"/>
            <ac:spMk id="4" creationId="{F11595E8-3263-472D-8B81-51643410350B}"/>
          </ac:spMkLst>
        </pc:spChg>
        <pc:spChg chg="mod">
          <ac:chgData name="Merve Turhan" userId="3594cd17-5953-4511-8d53-8cfc799250e7" providerId="ADAL" clId="{E225DE88-74CE-48ED-AC1F-DE1313954DC9}" dt="2022-05-19T14:00:03.858" v="3880"/>
          <ac:spMkLst>
            <pc:docMk/>
            <pc:sldMk cId="2291861504" sldId="531"/>
            <ac:spMk id="5" creationId="{05504D4C-9148-4EEE-86AD-6DC41E73BFE9}"/>
          </ac:spMkLst>
        </pc:spChg>
        <pc:picChg chg="add mod">
          <ac:chgData name="Merve Turhan" userId="3594cd17-5953-4511-8d53-8cfc799250e7" providerId="ADAL" clId="{E225DE88-74CE-48ED-AC1F-DE1313954DC9}" dt="2022-05-19T05:02:25.124" v="2734" actId="1076"/>
          <ac:picMkLst>
            <pc:docMk/>
            <pc:sldMk cId="2291861504" sldId="531"/>
            <ac:picMk id="6" creationId="{ECC7D33A-583C-4CE9-968F-874DDFF4DA61}"/>
          </ac:picMkLst>
        </pc:picChg>
        <pc:picChg chg="del mod">
          <ac:chgData name="Merve Turhan" userId="3594cd17-5953-4511-8d53-8cfc799250e7" providerId="ADAL" clId="{E225DE88-74CE-48ED-AC1F-DE1313954DC9}" dt="2022-05-19T05:02:07.548" v="2726" actId="478"/>
          <ac:picMkLst>
            <pc:docMk/>
            <pc:sldMk cId="2291861504" sldId="531"/>
            <ac:picMk id="2054" creationId="{DEFF2AA7-345D-4139-9D92-DF7000DBBAFA}"/>
          </ac:picMkLst>
        </pc:picChg>
      </pc:sldChg>
      <pc:sldChg chg="modSp mod">
        <pc:chgData name="Merve Turhan" userId="3594cd17-5953-4511-8d53-8cfc799250e7" providerId="ADAL" clId="{E225DE88-74CE-48ED-AC1F-DE1313954DC9}" dt="2022-05-19T14:21:24.320" v="4595" actId="20577"/>
        <pc:sldMkLst>
          <pc:docMk/>
          <pc:sldMk cId="2411121823" sldId="533"/>
        </pc:sldMkLst>
        <pc:spChg chg="mod">
          <ac:chgData name="Merve Turhan" userId="3594cd17-5953-4511-8d53-8cfc799250e7" providerId="ADAL" clId="{E225DE88-74CE-48ED-AC1F-DE1313954DC9}" dt="2022-05-19T14:00:04.065" v="4168" actId="790"/>
          <ac:spMkLst>
            <pc:docMk/>
            <pc:sldMk cId="2411121823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E225DE88-74CE-48ED-AC1F-DE1313954DC9}" dt="2022-05-19T14:21:24.320" v="4595" actId="20577"/>
          <ac:spMkLst>
            <pc:docMk/>
            <pc:sldMk cId="2411121823" sldId="533"/>
            <ac:spMk id="3" creationId="{C78F839D-CE16-4592-A70C-94B51B118806}"/>
          </ac:spMkLst>
        </pc:spChg>
      </pc:sldChg>
      <pc:sldChg chg="modSp mod">
        <pc:chgData name="Merve Turhan" userId="3594cd17-5953-4511-8d53-8cfc799250e7" providerId="ADAL" clId="{E225DE88-74CE-48ED-AC1F-DE1313954DC9}" dt="2022-05-19T14:00:03.873" v="3898"/>
        <pc:sldMkLst>
          <pc:docMk/>
          <pc:sldMk cId="1480844513" sldId="534"/>
        </pc:sldMkLst>
        <pc:spChg chg="mod">
          <ac:chgData name="Merve Turhan" userId="3594cd17-5953-4511-8d53-8cfc799250e7" providerId="ADAL" clId="{E225DE88-74CE-48ED-AC1F-DE1313954DC9}" dt="2022-05-19T14:00:03.858" v="3891" actId="790"/>
          <ac:spMkLst>
            <pc:docMk/>
            <pc:sldMk cId="1480844513" sldId="534"/>
            <ac:spMk id="4" creationId="{EA7D4468-58D5-40D1-8182-8FDBCEF777E1}"/>
          </ac:spMkLst>
        </pc:spChg>
        <pc:spChg chg="mod">
          <ac:chgData name="Merve Turhan" userId="3594cd17-5953-4511-8d53-8cfc799250e7" providerId="ADAL" clId="{E225DE88-74CE-48ED-AC1F-DE1313954DC9}" dt="2022-05-19T14:00:03.858" v="3892"/>
          <ac:spMkLst>
            <pc:docMk/>
            <pc:sldMk cId="1480844513" sldId="534"/>
            <ac:spMk id="5" creationId="{393A08AF-E8DD-44C5-A85C-B1192DD283A4}"/>
          </ac:spMkLst>
        </pc:spChg>
        <pc:spChg chg="mod">
          <ac:chgData name="Merve Turhan" userId="3594cd17-5953-4511-8d53-8cfc799250e7" providerId="ADAL" clId="{E225DE88-74CE-48ED-AC1F-DE1313954DC9}" dt="2022-05-19T14:00:03.858" v="3893" actId="790"/>
          <ac:spMkLst>
            <pc:docMk/>
            <pc:sldMk cId="1480844513" sldId="534"/>
            <ac:spMk id="6" creationId="{56AFC71C-F7A5-47C7-AC2C-FD58718975AF}"/>
          </ac:spMkLst>
        </pc:spChg>
        <pc:spChg chg="mod">
          <ac:chgData name="Merve Turhan" userId="3594cd17-5953-4511-8d53-8cfc799250e7" providerId="ADAL" clId="{E225DE88-74CE-48ED-AC1F-DE1313954DC9}" dt="2022-05-19T14:00:03.858" v="3894" actId="790"/>
          <ac:spMkLst>
            <pc:docMk/>
            <pc:sldMk cId="1480844513" sldId="534"/>
            <ac:spMk id="11" creationId="{E6D1E66D-7E35-4037-A967-BD046D6E642F}"/>
          </ac:spMkLst>
        </pc:spChg>
        <pc:spChg chg="mod">
          <ac:chgData name="Merve Turhan" userId="3594cd17-5953-4511-8d53-8cfc799250e7" providerId="ADAL" clId="{E225DE88-74CE-48ED-AC1F-DE1313954DC9}" dt="2022-05-19T14:00:03.858" v="3895" actId="790"/>
          <ac:spMkLst>
            <pc:docMk/>
            <pc:sldMk cId="1480844513" sldId="534"/>
            <ac:spMk id="12" creationId="{2104418B-B405-4546-961F-441684FDDF4D}"/>
          </ac:spMkLst>
        </pc:spChg>
        <pc:spChg chg="mod">
          <ac:chgData name="Merve Turhan" userId="3594cd17-5953-4511-8d53-8cfc799250e7" providerId="ADAL" clId="{E225DE88-74CE-48ED-AC1F-DE1313954DC9}" dt="2022-05-19T14:00:03.873" v="3896" actId="790"/>
          <ac:spMkLst>
            <pc:docMk/>
            <pc:sldMk cId="1480844513" sldId="534"/>
            <ac:spMk id="13" creationId="{77302FF2-BC11-4E2F-A8A8-00912EC3652F}"/>
          </ac:spMkLst>
        </pc:spChg>
        <pc:spChg chg="mod">
          <ac:chgData name="Merve Turhan" userId="3594cd17-5953-4511-8d53-8cfc799250e7" providerId="ADAL" clId="{E225DE88-74CE-48ED-AC1F-DE1313954DC9}" dt="2022-05-19T14:00:03.873" v="3897" actId="790"/>
          <ac:spMkLst>
            <pc:docMk/>
            <pc:sldMk cId="1480844513" sldId="534"/>
            <ac:spMk id="15" creationId="{7FF76BA8-71F4-4AF4-9933-73900FF6CD68}"/>
          </ac:spMkLst>
        </pc:spChg>
        <pc:spChg chg="mod">
          <ac:chgData name="Merve Turhan" userId="3594cd17-5953-4511-8d53-8cfc799250e7" providerId="ADAL" clId="{E225DE88-74CE-48ED-AC1F-DE1313954DC9}" dt="2022-05-19T14:00:03.873" v="3898"/>
          <ac:spMkLst>
            <pc:docMk/>
            <pc:sldMk cId="1480844513" sldId="534"/>
            <ac:spMk id="16" creationId="{861BABB0-65A0-4611-9B94-E36C8FC16FF6}"/>
          </ac:spMkLst>
        </pc:spChg>
      </pc:sldChg>
      <pc:sldChg chg="addSp modSp mod modAnim">
        <pc:chgData name="Merve Turhan" userId="3594cd17-5953-4511-8d53-8cfc799250e7" providerId="ADAL" clId="{E225DE88-74CE-48ED-AC1F-DE1313954DC9}" dt="2022-05-19T14:00:03.905" v="3960"/>
        <pc:sldMkLst>
          <pc:docMk/>
          <pc:sldMk cId="1973130496" sldId="535"/>
        </pc:sldMkLst>
        <pc:spChg chg="mod">
          <ac:chgData name="Merve Turhan" userId="3594cd17-5953-4511-8d53-8cfc799250e7" providerId="ADAL" clId="{E225DE88-74CE-48ED-AC1F-DE1313954DC9}" dt="2022-05-19T14:00:03.905" v="3957"/>
          <ac:spMkLst>
            <pc:docMk/>
            <pc:sldMk cId="1973130496" sldId="535"/>
            <ac:spMk id="3" creationId="{26ED3420-0D3C-4499-8BDF-C584865B0178}"/>
          </ac:spMkLst>
        </pc:spChg>
        <pc:spChg chg="mod">
          <ac:chgData name="Merve Turhan" userId="3594cd17-5953-4511-8d53-8cfc799250e7" providerId="ADAL" clId="{E225DE88-74CE-48ED-AC1F-DE1313954DC9}" dt="2022-05-19T14:00:03.905" v="3959" actId="790"/>
          <ac:spMkLst>
            <pc:docMk/>
            <pc:sldMk cId="1973130496" sldId="535"/>
            <ac:spMk id="4" creationId="{7F579175-98AB-481F-BF6F-327A935CD9AA}"/>
          </ac:spMkLst>
        </pc:spChg>
        <pc:spChg chg="mod">
          <ac:chgData name="Merve Turhan" userId="3594cd17-5953-4511-8d53-8cfc799250e7" providerId="ADAL" clId="{E225DE88-74CE-48ED-AC1F-DE1313954DC9}" dt="2022-05-19T14:00:03.889" v="3939" actId="790"/>
          <ac:spMkLst>
            <pc:docMk/>
            <pc:sldMk cId="1973130496" sldId="535"/>
            <ac:spMk id="5" creationId="{E1DF2B9A-9A6A-4E06-B1B6-C2353D4A92DD}"/>
          </ac:spMkLst>
        </pc:spChg>
        <pc:spChg chg="mod">
          <ac:chgData name="Merve Turhan" userId="3594cd17-5953-4511-8d53-8cfc799250e7" providerId="ADAL" clId="{E225DE88-74CE-48ED-AC1F-DE1313954DC9}" dt="2022-05-19T14:00:03.889" v="3940" actId="790"/>
          <ac:spMkLst>
            <pc:docMk/>
            <pc:sldMk cId="1973130496" sldId="535"/>
            <ac:spMk id="8" creationId="{9CB1143D-1544-4F62-ACCE-F94CC6DFFBFC}"/>
          </ac:spMkLst>
        </pc:spChg>
        <pc:spChg chg="mod">
          <ac:chgData name="Merve Turhan" userId="3594cd17-5953-4511-8d53-8cfc799250e7" providerId="ADAL" clId="{E225DE88-74CE-48ED-AC1F-DE1313954DC9}" dt="2022-05-19T14:00:03.905" v="3941" actId="790"/>
          <ac:spMkLst>
            <pc:docMk/>
            <pc:sldMk cId="1973130496" sldId="535"/>
            <ac:spMk id="15" creationId="{D96DB0D1-5056-44E1-BFEF-8AACFE991A38}"/>
          </ac:spMkLst>
        </pc:spChg>
        <pc:spChg chg="mod">
          <ac:chgData name="Merve Turhan" userId="3594cd17-5953-4511-8d53-8cfc799250e7" providerId="ADAL" clId="{E225DE88-74CE-48ED-AC1F-DE1313954DC9}" dt="2022-05-19T14:00:03.905" v="3942" actId="790"/>
          <ac:spMkLst>
            <pc:docMk/>
            <pc:sldMk cId="1973130496" sldId="535"/>
            <ac:spMk id="16" creationId="{9609B4AD-F414-4407-B254-93DF9D607B16}"/>
          </ac:spMkLst>
        </pc:spChg>
        <pc:spChg chg="mod">
          <ac:chgData name="Merve Turhan" userId="3594cd17-5953-4511-8d53-8cfc799250e7" providerId="ADAL" clId="{E225DE88-74CE-48ED-AC1F-DE1313954DC9}" dt="2022-05-19T14:00:03.905" v="3943"/>
          <ac:spMkLst>
            <pc:docMk/>
            <pc:sldMk cId="1973130496" sldId="535"/>
            <ac:spMk id="17" creationId="{28D7D4DE-0D55-468E-865E-0344A8533385}"/>
          </ac:spMkLst>
        </pc:spChg>
        <pc:spChg chg="mod">
          <ac:chgData name="Merve Turhan" userId="3594cd17-5953-4511-8d53-8cfc799250e7" providerId="ADAL" clId="{E225DE88-74CE-48ED-AC1F-DE1313954DC9}" dt="2022-05-19T14:00:03.905" v="3944"/>
          <ac:spMkLst>
            <pc:docMk/>
            <pc:sldMk cId="1973130496" sldId="535"/>
            <ac:spMk id="18" creationId="{5ECD8CFC-4B7D-4430-9A88-DC1DAFC89DBD}"/>
          </ac:spMkLst>
        </pc:spChg>
        <pc:spChg chg="mod">
          <ac:chgData name="Merve Turhan" userId="3594cd17-5953-4511-8d53-8cfc799250e7" providerId="ADAL" clId="{E225DE88-74CE-48ED-AC1F-DE1313954DC9}" dt="2022-05-19T14:00:03.905" v="3945"/>
          <ac:spMkLst>
            <pc:docMk/>
            <pc:sldMk cId="1973130496" sldId="535"/>
            <ac:spMk id="19" creationId="{8E7868E5-20C5-4228-BAE1-1CCF5A5CBCEF}"/>
          </ac:spMkLst>
        </pc:spChg>
        <pc:spChg chg="mod">
          <ac:chgData name="Merve Turhan" userId="3594cd17-5953-4511-8d53-8cfc799250e7" providerId="ADAL" clId="{E225DE88-74CE-48ED-AC1F-DE1313954DC9}" dt="2022-05-19T14:00:03.905" v="3956" actId="790"/>
          <ac:spMkLst>
            <pc:docMk/>
            <pc:sldMk cId="1973130496" sldId="535"/>
            <ac:spMk id="20" creationId="{E3325BC1-330B-40AF-80FC-00D978F6B0FA}"/>
          </ac:spMkLst>
        </pc:spChg>
        <pc:spChg chg="mod">
          <ac:chgData name="Merve Turhan" userId="3594cd17-5953-4511-8d53-8cfc799250e7" providerId="ADAL" clId="{E225DE88-74CE-48ED-AC1F-DE1313954DC9}" dt="2022-05-19T14:00:03.905" v="3946"/>
          <ac:spMkLst>
            <pc:docMk/>
            <pc:sldMk cId="1973130496" sldId="535"/>
            <ac:spMk id="22" creationId="{68C001EA-5698-4899-9386-66D596EAAB83}"/>
          </ac:spMkLst>
        </pc:spChg>
        <pc:spChg chg="mod">
          <ac:chgData name="Merve Turhan" userId="3594cd17-5953-4511-8d53-8cfc799250e7" providerId="ADAL" clId="{E225DE88-74CE-48ED-AC1F-DE1313954DC9}" dt="2022-05-19T14:00:03.905" v="3947"/>
          <ac:spMkLst>
            <pc:docMk/>
            <pc:sldMk cId="1973130496" sldId="535"/>
            <ac:spMk id="23" creationId="{39867444-0871-4142-B2A1-85EE331DF6D3}"/>
          </ac:spMkLst>
        </pc:spChg>
        <pc:spChg chg="mod">
          <ac:chgData name="Merve Turhan" userId="3594cd17-5953-4511-8d53-8cfc799250e7" providerId="ADAL" clId="{E225DE88-74CE-48ED-AC1F-DE1313954DC9}" dt="2022-05-19T14:00:03.905" v="3948"/>
          <ac:spMkLst>
            <pc:docMk/>
            <pc:sldMk cId="1973130496" sldId="535"/>
            <ac:spMk id="24" creationId="{D0551007-4B39-4774-B2C4-EDBC0E9D7F2B}"/>
          </ac:spMkLst>
        </pc:spChg>
        <pc:spChg chg="mod">
          <ac:chgData name="Merve Turhan" userId="3594cd17-5953-4511-8d53-8cfc799250e7" providerId="ADAL" clId="{E225DE88-74CE-48ED-AC1F-DE1313954DC9}" dt="2022-05-19T14:00:03.905" v="3958" actId="790"/>
          <ac:spMkLst>
            <pc:docMk/>
            <pc:sldMk cId="1973130496" sldId="535"/>
            <ac:spMk id="25" creationId="{C5468427-FE08-4125-AE40-806999663ECA}"/>
          </ac:spMkLst>
        </pc:spChg>
        <pc:spChg chg="mod">
          <ac:chgData name="Merve Turhan" userId="3594cd17-5953-4511-8d53-8cfc799250e7" providerId="ADAL" clId="{E225DE88-74CE-48ED-AC1F-DE1313954DC9}" dt="2022-05-19T14:00:03.905" v="3949"/>
          <ac:spMkLst>
            <pc:docMk/>
            <pc:sldMk cId="1973130496" sldId="535"/>
            <ac:spMk id="26" creationId="{607C0246-2C21-4117-A458-17CA2F89ADF9}"/>
          </ac:spMkLst>
        </pc:spChg>
        <pc:spChg chg="mod">
          <ac:chgData name="Merve Turhan" userId="3594cd17-5953-4511-8d53-8cfc799250e7" providerId="ADAL" clId="{E225DE88-74CE-48ED-AC1F-DE1313954DC9}" dt="2022-05-19T14:00:03.905" v="3950"/>
          <ac:spMkLst>
            <pc:docMk/>
            <pc:sldMk cId="1973130496" sldId="535"/>
            <ac:spMk id="27" creationId="{91D1B37C-7EF2-423D-B283-8280B5575797}"/>
          </ac:spMkLst>
        </pc:spChg>
        <pc:spChg chg="mod">
          <ac:chgData name="Merve Turhan" userId="3594cd17-5953-4511-8d53-8cfc799250e7" providerId="ADAL" clId="{E225DE88-74CE-48ED-AC1F-DE1313954DC9}" dt="2022-05-19T14:00:03.905" v="3952"/>
          <ac:spMkLst>
            <pc:docMk/>
            <pc:sldMk cId="1973130496" sldId="535"/>
            <ac:spMk id="28" creationId="{5073266D-42AE-4984-AD57-4B4E70DF289C}"/>
          </ac:spMkLst>
        </pc:spChg>
        <pc:spChg chg="mod">
          <ac:chgData name="Merve Turhan" userId="3594cd17-5953-4511-8d53-8cfc799250e7" providerId="ADAL" clId="{E225DE88-74CE-48ED-AC1F-DE1313954DC9}" dt="2022-05-19T14:00:03.905" v="3951" actId="790"/>
          <ac:spMkLst>
            <pc:docMk/>
            <pc:sldMk cId="1973130496" sldId="535"/>
            <ac:spMk id="29" creationId="{960E0039-A829-4D57-AADB-7B868520DFE3}"/>
          </ac:spMkLst>
        </pc:spChg>
        <pc:spChg chg="mod">
          <ac:chgData name="Merve Turhan" userId="3594cd17-5953-4511-8d53-8cfc799250e7" providerId="ADAL" clId="{E225DE88-74CE-48ED-AC1F-DE1313954DC9}" dt="2022-05-19T14:00:03.905" v="3953" actId="790"/>
          <ac:spMkLst>
            <pc:docMk/>
            <pc:sldMk cId="1973130496" sldId="535"/>
            <ac:spMk id="30" creationId="{56473A25-F317-4521-8AF4-79FA43A870E2}"/>
          </ac:spMkLst>
        </pc:spChg>
        <pc:spChg chg="add mod">
          <ac:chgData name="Merve Turhan" userId="3594cd17-5953-4511-8d53-8cfc799250e7" providerId="ADAL" clId="{E225DE88-74CE-48ED-AC1F-DE1313954DC9}" dt="2022-05-19T14:00:03.905" v="3960"/>
          <ac:spMkLst>
            <pc:docMk/>
            <pc:sldMk cId="1973130496" sldId="535"/>
            <ac:spMk id="31" creationId="{2DB70A00-8988-46ED-8618-FCE9855CC631}"/>
          </ac:spMkLst>
        </pc:spChg>
        <pc:spChg chg="mod">
          <ac:chgData name="Merve Turhan" userId="3594cd17-5953-4511-8d53-8cfc799250e7" providerId="ADAL" clId="{E225DE88-74CE-48ED-AC1F-DE1313954DC9}" dt="2022-05-19T14:00:03.905" v="3954"/>
          <ac:spMkLst>
            <pc:docMk/>
            <pc:sldMk cId="1973130496" sldId="535"/>
            <ac:spMk id="36" creationId="{CD4029B8-D1C1-4BAA-A962-30610D537608}"/>
          </ac:spMkLst>
        </pc:spChg>
        <pc:spChg chg="mod">
          <ac:chgData name="Merve Turhan" userId="3594cd17-5953-4511-8d53-8cfc799250e7" providerId="ADAL" clId="{E225DE88-74CE-48ED-AC1F-DE1313954DC9}" dt="2022-05-19T14:00:03.905" v="3955"/>
          <ac:spMkLst>
            <pc:docMk/>
            <pc:sldMk cId="1973130496" sldId="535"/>
            <ac:spMk id="37" creationId="{6089A985-DF46-43EE-A8D0-5E538A153F63}"/>
          </ac:spMkLst>
        </pc:spChg>
      </pc:sldChg>
      <pc:sldChg chg="addSp delSp modSp mod">
        <pc:chgData name="Merve Turhan" userId="3594cd17-5953-4511-8d53-8cfc799250e7" providerId="ADAL" clId="{E225DE88-74CE-48ED-AC1F-DE1313954DC9}" dt="2022-05-19T14:00:04.106" v="4198" actId="790"/>
        <pc:sldMkLst>
          <pc:docMk/>
          <pc:sldMk cId="3883732232" sldId="536"/>
        </pc:sldMkLst>
        <pc:spChg chg="mod">
          <ac:chgData name="Merve Turhan" userId="3594cd17-5953-4511-8d53-8cfc799250e7" providerId="ADAL" clId="{E225DE88-74CE-48ED-AC1F-DE1313954DC9}" dt="2022-05-19T14:00:04.106" v="4198" actId="790"/>
          <ac:spMkLst>
            <pc:docMk/>
            <pc:sldMk cId="3883732232" sldId="536"/>
            <ac:spMk id="64" creationId="{AC9BCFD3-978E-4554-BD1C-965D5CB32FF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28" creationId="{BCC5547B-9BD4-4167-8C97-615C0F8567BC}"/>
          </ac:spMkLst>
        </pc:spChg>
        <pc:spChg chg="del mod">
          <ac:chgData name="Merve Turhan" userId="3594cd17-5953-4511-8d53-8cfc799250e7" providerId="ADAL" clId="{E225DE88-74CE-48ED-AC1F-DE1313954DC9}" dt="2022-05-19T07:29:34.337" v="3272" actId="478"/>
          <ac:spMkLst>
            <pc:docMk/>
            <pc:sldMk cId="3883732232" sldId="536"/>
            <ac:spMk id="129" creationId="{0E4CC063-099D-4D05-A7D1-801707A9E162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0" creationId="{B866B416-4CE9-4708-A96A-4392D3797347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1" creationId="{B6CAD08F-4E51-46E0-A608-D168A8E92DF8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2" creationId="{E4647F27-F7C7-46A3-90AC-F2C39DB42438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3" creationId="{A4100A7F-9713-4A3D-92D9-284A41263ACB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4" creationId="{61EF6CB5-C802-4E0F-B3D6-8671E3A7DBC6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5" creationId="{FCA18B1E-785A-4AFC-9B6C-5CDCAB916BA8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6" creationId="{87BF51EC-0EEF-4235-A5BC-6916AFC03277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7" creationId="{684C9B13-C02D-4A18-911D-F69FEA8C4951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8" creationId="{EF2A60DD-E1D3-41AC-9ABB-CC13C711DA89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9" creationId="{5711B043-5F6F-4DE3-860D-FF9C15AA1EC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0" creationId="{73C25481-6206-46E8-B729-AB29FB96DED6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1" creationId="{10F107C2-BEED-467C-9577-1BF5FB30BC46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2" creationId="{51FC51A1-23EB-4012-B645-7B549275503B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3" creationId="{D42930BC-E83D-424E-A347-8E92E92DA6C0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4" creationId="{7703699E-32E5-4DE5-A8A8-B46E83D3D21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5" creationId="{AF03DA2F-EB9A-4B82-886B-4DE04BB692CB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6" creationId="{582DC3A1-2784-48EA-BBDF-9D785E478A70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7" creationId="{7D185C5C-BFF4-44CE-80B0-56571C3E39CB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8" creationId="{D625B786-4DB6-4AAE-A6E3-7D67BF0501A5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68" creationId="{59F7C13A-FCFD-44AE-8DED-5D9C27D5DEB3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69" creationId="{11B9D5AE-8E77-4B80-BDEA-EE626CD92A12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0" creationId="{F6BEC4E8-85E6-41B2-8226-0DE339BD1840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1" creationId="{CA930ABD-CE54-4E3C-91E5-FC67688D4221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2" creationId="{27EB9CBC-C335-4309-92DA-4780CDFA0B43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3" creationId="{EFC89430-A2CB-4C3C-90B3-7E9ECD1E084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4" creationId="{98F23E4C-72E7-4AA4-9F9B-7272EC7D1AA6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6" creationId="{EB727718-DF78-4E66-8CE8-4DE600DE4882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7" creationId="{C447EAF2-8E23-4F08-9AF3-21E1FD5CB4DA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8" creationId="{A43B7E51-9F19-46E6-8B88-605D08F04E7E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9" creationId="{71CD48E0-69B6-408B-9821-8EA2C0BE0778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83" creationId="{16E15DB5-CEBF-4E80-B098-074CB3EB0235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85" creationId="{7B097CDA-5237-4561-8F5D-5642BD8DBA6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86" creationId="{62F6F1C0-370B-443F-895A-7052AD6E7921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87" creationId="{9899BDD4-09B0-46A4-A289-2C94D1607543}"/>
          </ac:spMkLst>
        </pc:spChg>
        <pc:picChg chg="add mod">
          <ac:chgData name="Merve Turhan" userId="3594cd17-5953-4511-8d53-8cfc799250e7" providerId="ADAL" clId="{E225DE88-74CE-48ED-AC1F-DE1313954DC9}" dt="2022-05-19T07:29:49.820" v="3278" actId="27614"/>
          <ac:picMkLst>
            <pc:docMk/>
            <pc:sldMk cId="3883732232" sldId="536"/>
            <ac:picMk id="3" creationId="{309E859F-0864-42FF-93F3-B9793C7FC710}"/>
          </ac:picMkLst>
        </pc:pic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49" creationId="{D5ED2A6E-9FCA-4F81-9D77-8010ECCBF82A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0" creationId="{34C7D136-C2FA-4467-A34A-E3DE14EC336E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1" creationId="{04E14503-8855-4C0F-9C6B-7BF91F6410D9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2" creationId="{18A2D957-9DC8-4220-86C8-3E2167575BAB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3" creationId="{BA5E409A-BB7B-43E3-8F8F-6D5A31B4AE96}"/>
          </ac:cxnSpMkLst>
        </pc:cxnChg>
        <pc:cxnChg chg="del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4" creationId="{9FD61B6E-426C-4BE2-ACB7-2D696EC82B3C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5" creationId="{E67E3E9C-75F0-4D0E-A044-FE4845C9BDA4}"/>
          </ac:cxnSpMkLst>
        </pc:cxnChg>
        <pc:cxnChg chg="del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6" creationId="{1307C5BA-564C-4F6A-877C-56B479B843FB}"/>
          </ac:cxnSpMkLst>
        </pc:cxnChg>
        <pc:cxnChg chg="del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7" creationId="{698BF0FC-68C1-4CCC-AE5A-D045B7B0E04B}"/>
          </ac:cxnSpMkLst>
        </pc:cxnChg>
        <pc:cxnChg chg="del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8" creationId="{078CFA19-E801-4642-A8F6-448B422940CA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9" creationId="{B741F5F0-49A1-4F23-BD18-B5B2A0006198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0" creationId="{1DFB5412-E798-4FB4-B90E-2A0F7EFC0674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1" creationId="{5CB8CD4A-B738-480B-AF48-DBE50C9A3946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2" creationId="{C59E75B4-B604-4883-B798-7D270653F04D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3" creationId="{9F414A82-DF75-42F2-B6F8-D3C239F752E7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4" creationId="{026E9F34-754E-4C14-B1E7-3DCA4D9DBFBC}"/>
          </ac:cxnSpMkLst>
        </pc:cxnChg>
        <pc:cxnChg chg="del mod">
          <ac:chgData name="Merve Turhan" userId="3594cd17-5953-4511-8d53-8cfc799250e7" providerId="ADAL" clId="{E225DE88-74CE-48ED-AC1F-DE1313954DC9}" dt="2022-05-19T07:29:42.060" v="3274" actId="478"/>
          <ac:cxnSpMkLst>
            <pc:docMk/>
            <pc:sldMk cId="3883732232" sldId="536"/>
            <ac:cxnSpMk id="165" creationId="{6790DE98-256A-49EF-9B72-66364304F9AD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6" creationId="{A9B5A492-C487-43E4-BAB8-34EE1CE3EFCA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7" creationId="{82B2ECD1-7786-44A7-BADF-D2167BC5183E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75" creationId="{F3CBD3BE-FDF9-4CEE-B778-8FF674CEC9CB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0" creationId="{966AFD1D-5651-47E4-B408-B80C04BCB41B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1" creationId="{F41DB78D-BE4D-4504-81D0-506D51AC6E4C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2" creationId="{F567C1A6-84E3-410F-8C75-908F83E75297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4" creationId="{F72BD69F-944E-49E5-AF0A-6E05FAABE670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8" creationId="{B0C5E11B-EDC2-48AE-B083-82921052F385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9" creationId="{509E021F-633D-424C-BF8D-8FB98543D9A2}"/>
          </ac:cxnSpMkLst>
        </pc:cxnChg>
      </pc:sldChg>
      <pc:sldChg chg="modSp mod">
        <pc:chgData name="Merve Turhan" userId="3594cd17-5953-4511-8d53-8cfc799250e7" providerId="ADAL" clId="{E225DE88-74CE-48ED-AC1F-DE1313954DC9}" dt="2022-05-19T14:00:03.989" v="4063" actId="790"/>
        <pc:sldMkLst>
          <pc:docMk/>
          <pc:sldMk cId="3032936771" sldId="538"/>
        </pc:sldMkLst>
        <pc:spChg chg="mod">
          <ac:chgData name="Merve Turhan" userId="3594cd17-5953-4511-8d53-8cfc799250e7" providerId="ADAL" clId="{E225DE88-74CE-48ED-AC1F-DE1313954DC9}" dt="2022-05-19T14:00:03.974" v="4033" actId="790"/>
          <ac:spMkLst>
            <pc:docMk/>
            <pc:sldMk cId="3032936771" sldId="538"/>
            <ac:spMk id="2" creationId="{642BE25F-90A2-4B63-B1FD-2969EF539A0C}"/>
          </ac:spMkLst>
        </pc:spChg>
        <pc:spChg chg="mod">
          <ac:chgData name="Merve Turhan" userId="3594cd17-5953-4511-8d53-8cfc799250e7" providerId="ADAL" clId="{E225DE88-74CE-48ED-AC1F-DE1313954DC9}" dt="2022-05-19T14:00:03.974" v="4034" actId="790"/>
          <ac:spMkLst>
            <pc:docMk/>
            <pc:sldMk cId="3032936771" sldId="538"/>
            <ac:spMk id="18" creationId="{71CE2699-4ECC-41CE-AA28-2D6BA30BD1A9}"/>
          </ac:spMkLst>
        </pc:spChg>
        <pc:spChg chg="mod">
          <ac:chgData name="Merve Turhan" userId="3594cd17-5953-4511-8d53-8cfc799250e7" providerId="ADAL" clId="{E225DE88-74CE-48ED-AC1F-DE1313954DC9}" dt="2022-05-19T14:00:03.974" v="4035" actId="790"/>
          <ac:spMkLst>
            <pc:docMk/>
            <pc:sldMk cId="3032936771" sldId="538"/>
            <ac:spMk id="26" creationId="{B676D700-A799-47A6-B5C1-F9876EC52602}"/>
          </ac:spMkLst>
        </pc:spChg>
        <pc:spChg chg="mod">
          <ac:chgData name="Merve Turhan" userId="3594cd17-5953-4511-8d53-8cfc799250e7" providerId="ADAL" clId="{E225DE88-74CE-48ED-AC1F-DE1313954DC9}" dt="2022-05-19T14:00:03.974" v="4036" actId="790"/>
          <ac:spMkLst>
            <pc:docMk/>
            <pc:sldMk cId="3032936771" sldId="538"/>
            <ac:spMk id="31" creationId="{A2A620DC-7AA1-4B83-9AA9-FE46BD28A6EB}"/>
          </ac:spMkLst>
        </pc:spChg>
        <pc:spChg chg="mod">
          <ac:chgData name="Merve Turhan" userId="3594cd17-5953-4511-8d53-8cfc799250e7" providerId="ADAL" clId="{E225DE88-74CE-48ED-AC1F-DE1313954DC9}" dt="2022-05-19T14:00:03.974" v="4037" actId="790"/>
          <ac:spMkLst>
            <pc:docMk/>
            <pc:sldMk cId="3032936771" sldId="538"/>
            <ac:spMk id="35" creationId="{CCC46904-0EFA-4783-9970-621C3BD32ADA}"/>
          </ac:spMkLst>
        </pc:spChg>
        <pc:spChg chg="mod">
          <ac:chgData name="Merve Turhan" userId="3594cd17-5953-4511-8d53-8cfc799250e7" providerId="ADAL" clId="{E225DE88-74CE-48ED-AC1F-DE1313954DC9}" dt="2022-05-19T14:00:03.974" v="4038" actId="790"/>
          <ac:spMkLst>
            <pc:docMk/>
            <pc:sldMk cId="3032936771" sldId="538"/>
            <ac:spMk id="38" creationId="{276A1AC9-1F5A-4C7F-BA74-3D6A67EBC8EB}"/>
          </ac:spMkLst>
        </pc:spChg>
        <pc:spChg chg="mod">
          <ac:chgData name="Merve Turhan" userId="3594cd17-5953-4511-8d53-8cfc799250e7" providerId="ADAL" clId="{E225DE88-74CE-48ED-AC1F-DE1313954DC9}" dt="2022-05-19T14:00:03.974" v="4039" actId="790"/>
          <ac:spMkLst>
            <pc:docMk/>
            <pc:sldMk cId="3032936771" sldId="538"/>
            <ac:spMk id="39" creationId="{5E0FCE99-8E76-4B6E-B68D-A8200DCBBA8E}"/>
          </ac:spMkLst>
        </pc:spChg>
        <pc:spChg chg="mod">
          <ac:chgData name="Merve Turhan" userId="3594cd17-5953-4511-8d53-8cfc799250e7" providerId="ADAL" clId="{E225DE88-74CE-48ED-AC1F-DE1313954DC9}" dt="2022-05-19T14:00:03.974" v="4040" actId="790"/>
          <ac:spMkLst>
            <pc:docMk/>
            <pc:sldMk cId="3032936771" sldId="538"/>
            <ac:spMk id="40" creationId="{3C66F5BC-0272-4D83-BF94-3302C86D0E40}"/>
          </ac:spMkLst>
        </pc:spChg>
        <pc:spChg chg="mod">
          <ac:chgData name="Merve Turhan" userId="3594cd17-5953-4511-8d53-8cfc799250e7" providerId="ADAL" clId="{E225DE88-74CE-48ED-AC1F-DE1313954DC9}" dt="2022-05-19T14:00:03.974" v="4041" actId="790"/>
          <ac:spMkLst>
            <pc:docMk/>
            <pc:sldMk cId="3032936771" sldId="538"/>
            <ac:spMk id="73" creationId="{51402236-8658-4DEC-8AD6-941F82697182}"/>
          </ac:spMkLst>
        </pc:spChg>
        <pc:spChg chg="mod">
          <ac:chgData name="Merve Turhan" userId="3594cd17-5953-4511-8d53-8cfc799250e7" providerId="ADAL" clId="{E225DE88-74CE-48ED-AC1F-DE1313954DC9}" dt="2022-05-19T14:00:03.974" v="4042" actId="790"/>
          <ac:spMkLst>
            <pc:docMk/>
            <pc:sldMk cId="3032936771" sldId="538"/>
            <ac:spMk id="74" creationId="{93A8BB38-8459-429F-8151-D53597C664FA}"/>
          </ac:spMkLst>
        </pc:spChg>
        <pc:spChg chg="mod">
          <ac:chgData name="Merve Turhan" userId="3594cd17-5953-4511-8d53-8cfc799250e7" providerId="ADAL" clId="{E225DE88-74CE-48ED-AC1F-DE1313954DC9}" dt="2022-05-19T14:00:03.974" v="4043" actId="790"/>
          <ac:spMkLst>
            <pc:docMk/>
            <pc:sldMk cId="3032936771" sldId="538"/>
            <ac:spMk id="75" creationId="{DB4675AD-B091-4716-A605-E822DE480C25}"/>
          </ac:spMkLst>
        </pc:spChg>
        <pc:spChg chg="mod">
          <ac:chgData name="Merve Turhan" userId="3594cd17-5953-4511-8d53-8cfc799250e7" providerId="ADAL" clId="{E225DE88-74CE-48ED-AC1F-DE1313954DC9}" dt="2022-05-19T14:00:03.974" v="4044" actId="790"/>
          <ac:spMkLst>
            <pc:docMk/>
            <pc:sldMk cId="3032936771" sldId="538"/>
            <ac:spMk id="76" creationId="{FA67941E-C54A-4CDA-A3DF-4A2C85B6122D}"/>
          </ac:spMkLst>
        </pc:spChg>
        <pc:spChg chg="mod">
          <ac:chgData name="Merve Turhan" userId="3594cd17-5953-4511-8d53-8cfc799250e7" providerId="ADAL" clId="{E225DE88-74CE-48ED-AC1F-DE1313954DC9}" dt="2022-05-19T14:00:03.974" v="4045" actId="790"/>
          <ac:spMkLst>
            <pc:docMk/>
            <pc:sldMk cId="3032936771" sldId="538"/>
            <ac:spMk id="77" creationId="{A51453AE-2E98-4476-89DB-6FA242B69E45}"/>
          </ac:spMkLst>
        </pc:spChg>
        <pc:spChg chg="mod">
          <ac:chgData name="Merve Turhan" userId="3594cd17-5953-4511-8d53-8cfc799250e7" providerId="ADAL" clId="{E225DE88-74CE-48ED-AC1F-DE1313954DC9}" dt="2022-05-19T14:00:03.974" v="4046" actId="790"/>
          <ac:spMkLst>
            <pc:docMk/>
            <pc:sldMk cId="3032936771" sldId="538"/>
            <ac:spMk id="78" creationId="{13CB348D-E613-4C12-A300-81BC995DC3D7}"/>
          </ac:spMkLst>
        </pc:spChg>
        <pc:spChg chg="mod">
          <ac:chgData name="Merve Turhan" userId="3594cd17-5953-4511-8d53-8cfc799250e7" providerId="ADAL" clId="{E225DE88-74CE-48ED-AC1F-DE1313954DC9}" dt="2022-05-19T14:00:03.974" v="4047" actId="790"/>
          <ac:spMkLst>
            <pc:docMk/>
            <pc:sldMk cId="3032936771" sldId="538"/>
            <ac:spMk id="79" creationId="{C5AD1967-F998-40D2-AA4B-170E2406EF0D}"/>
          </ac:spMkLst>
        </pc:spChg>
        <pc:spChg chg="mod">
          <ac:chgData name="Merve Turhan" userId="3594cd17-5953-4511-8d53-8cfc799250e7" providerId="ADAL" clId="{E225DE88-74CE-48ED-AC1F-DE1313954DC9}" dt="2022-05-19T14:00:03.974" v="4048" actId="790"/>
          <ac:spMkLst>
            <pc:docMk/>
            <pc:sldMk cId="3032936771" sldId="538"/>
            <ac:spMk id="81" creationId="{305BBA46-450F-4C9F-B5AA-A3AC1B6CF456}"/>
          </ac:spMkLst>
        </pc:spChg>
        <pc:spChg chg="mod">
          <ac:chgData name="Merve Turhan" userId="3594cd17-5953-4511-8d53-8cfc799250e7" providerId="ADAL" clId="{E225DE88-74CE-48ED-AC1F-DE1313954DC9}" dt="2022-05-19T14:00:03.974" v="4049" actId="790"/>
          <ac:spMkLst>
            <pc:docMk/>
            <pc:sldMk cId="3032936771" sldId="538"/>
            <ac:spMk id="99" creationId="{06491036-C714-42E8-8B39-1FB85E1CB020}"/>
          </ac:spMkLst>
        </pc:spChg>
        <pc:spChg chg="mod">
          <ac:chgData name="Merve Turhan" userId="3594cd17-5953-4511-8d53-8cfc799250e7" providerId="ADAL" clId="{E225DE88-74CE-48ED-AC1F-DE1313954DC9}" dt="2022-05-19T14:00:03.974" v="4050" actId="790"/>
          <ac:spMkLst>
            <pc:docMk/>
            <pc:sldMk cId="3032936771" sldId="538"/>
            <ac:spMk id="100" creationId="{822AECA4-DAD0-4198-99F3-CBFA26F40853}"/>
          </ac:spMkLst>
        </pc:spChg>
        <pc:spChg chg="mod">
          <ac:chgData name="Merve Turhan" userId="3594cd17-5953-4511-8d53-8cfc799250e7" providerId="ADAL" clId="{E225DE88-74CE-48ED-AC1F-DE1313954DC9}" dt="2022-05-19T14:00:03.974" v="4051" actId="790"/>
          <ac:spMkLst>
            <pc:docMk/>
            <pc:sldMk cId="3032936771" sldId="538"/>
            <ac:spMk id="101" creationId="{D49F67E2-7E79-4211-8F27-87269E8B21A3}"/>
          </ac:spMkLst>
        </pc:spChg>
        <pc:spChg chg="mod">
          <ac:chgData name="Merve Turhan" userId="3594cd17-5953-4511-8d53-8cfc799250e7" providerId="ADAL" clId="{E225DE88-74CE-48ED-AC1F-DE1313954DC9}" dt="2022-05-19T14:00:03.974" v="4052" actId="790"/>
          <ac:spMkLst>
            <pc:docMk/>
            <pc:sldMk cId="3032936771" sldId="538"/>
            <ac:spMk id="102" creationId="{860DC308-56D0-41BE-BE7A-865EDDB5DCC3}"/>
          </ac:spMkLst>
        </pc:spChg>
        <pc:spChg chg="mod">
          <ac:chgData name="Merve Turhan" userId="3594cd17-5953-4511-8d53-8cfc799250e7" providerId="ADAL" clId="{E225DE88-74CE-48ED-AC1F-DE1313954DC9}" dt="2022-05-19T14:00:03.974" v="4053" actId="790"/>
          <ac:spMkLst>
            <pc:docMk/>
            <pc:sldMk cId="3032936771" sldId="538"/>
            <ac:spMk id="103" creationId="{C74D40A1-B3F4-45C4-AC63-FC84ACC0CAF1}"/>
          </ac:spMkLst>
        </pc:spChg>
        <pc:spChg chg="mod">
          <ac:chgData name="Merve Turhan" userId="3594cd17-5953-4511-8d53-8cfc799250e7" providerId="ADAL" clId="{E225DE88-74CE-48ED-AC1F-DE1313954DC9}" dt="2022-05-19T14:00:03.974" v="4054" actId="790"/>
          <ac:spMkLst>
            <pc:docMk/>
            <pc:sldMk cId="3032936771" sldId="538"/>
            <ac:spMk id="104" creationId="{700DCF43-419C-4829-B3F5-1998E59923EB}"/>
          </ac:spMkLst>
        </pc:spChg>
        <pc:spChg chg="mod">
          <ac:chgData name="Merve Turhan" userId="3594cd17-5953-4511-8d53-8cfc799250e7" providerId="ADAL" clId="{E225DE88-74CE-48ED-AC1F-DE1313954DC9}" dt="2022-05-19T14:00:03.974" v="4055" actId="790"/>
          <ac:spMkLst>
            <pc:docMk/>
            <pc:sldMk cId="3032936771" sldId="538"/>
            <ac:spMk id="111" creationId="{02F75D57-1115-4D3D-A81A-40EC4A42256F}"/>
          </ac:spMkLst>
        </pc:spChg>
        <pc:spChg chg="mod">
          <ac:chgData name="Merve Turhan" userId="3594cd17-5953-4511-8d53-8cfc799250e7" providerId="ADAL" clId="{E225DE88-74CE-48ED-AC1F-DE1313954DC9}" dt="2022-05-19T14:00:03.974" v="4056" actId="790"/>
          <ac:spMkLst>
            <pc:docMk/>
            <pc:sldMk cId="3032936771" sldId="538"/>
            <ac:spMk id="112" creationId="{D85C3119-65D5-4646-B16C-577670C9553F}"/>
          </ac:spMkLst>
        </pc:spChg>
        <pc:spChg chg="mod">
          <ac:chgData name="Merve Turhan" userId="3594cd17-5953-4511-8d53-8cfc799250e7" providerId="ADAL" clId="{E225DE88-74CE-48ED-AC1F-DE1313954DC9}" dt="2022-05-19T14:00:03.974" v="4057" actId="790"/>
          <ac:spMkLst>
            <pc:docMk/>
            <pc:sldMk cId="3032936771" sldId="538"/>
            <ac:spMk id="113" creationId="{B40F52AB-1E77-4AE3-BEAA-3BD36FC5F988}"/>
          </ac:spMkLst>
        </pc:spChg>
        <pc:spChg chg="mod">
          <ac:chgData name="Merve Turhan" userId="3594cd17-5953-4511-8d53-8cfc799250e7" providerId="ADAL" clId="{E225DE88-74CE-48ED-AC1F-DE1313954DC9}" dt="2022-05-19T14:00:03.974" v="4058" actId="790"/>
          <ac:spMkLst>
            <pc:docMk/>
            <pc:sldMk cId="3032936771" sldId="538"/>
            <ac:spMk id="114" creationId="{1826A565-D733-4904-A0A1-8B46F7461865}"/>
          </ac:spMkLst>
        </pc:spChg>
        <pc:spChg chg="mod">
          <ac:chgData name="Merve Turhan" userId="3594cd17-5953-4511-8d53-8cfc799250e7" providerId="ADAL" clId="{E225DE88-74CE-48ED-AC1F-DE1313954DC9}" dt="2022-05-19T14:00:03.974" v="4059" actId="790"/>
          <ac:spMkLst>
            <pc:docMk/>
            <pc:sldMk cId="3032936771" sldId="538"/>
            <ac:spMk id="115" creationId="{E3F9E309-749F-4720-B3A4-D6AF8351EF52}"/>
          </ac:spMkLst>
        </pc:spChg>
        <pc:spChg chg="mod">
          <ac:chgData name="Merve Turhan" userId="3594cd17-5953-4511-8d53-8cfc799250e7" providerId="ADAL" clId="{E225DE88-74CE-48ED-AC1F-DE1313954DC9}" dt="2022-05-19T14:00:03.989" v="4060" actId="790"/>
          <ac:spMkLst>
            <pc:docMk/>
            <pc:sldMk cId="3032936771" sldId="538"/>
            <ac:spMk id="116" creationId="{8AE408C5-ECB7-4A83-9B73-D93E3B845541}"/>
          </ac:spMkLst>
        </pc:spChg>
        <pc:spChg chg="mod">
          <ac:chgData name="Merve Turhan" userId="3594cd17-5953-4511-8d53-8cfc799250e7" providerId="ADAL" clId="{E225DE88-74CE-48ED-AC1F-DE1313954DC9}" dt="2022-05-19T14:00:03.989" v="4061" actId="790"/>
          <ac:spMkLst>
            <pc:docMk/>
            <pc:sldMk cId="3032936771" sldId="538"/>
            <ac:spMk id="117" creationId="{66ED6B09-73C8-46F6-A309-49543B6C59B2}"/>
          </ac:spMkLst>
        </pc:spChg>
        <pc:spChg chg="mod">
          <ac:chgData name="Merve Turhan" userId="3594cd17-5953-4511-8d53-8cfc799250e7" providerId="ADAL" clId="{E225DE88-74CE-48ED-AC1F-DE1313954DC9}" dt="2022-05-19T14:00:03.989" v="4062" actId="790"/>
          <ac:spMkLst>
            <pc:docMk/>
            <pc:sldMk cId="3032936771" sldId="538"/>
            <ac:spMk id="118" creationId="{A26DAF52-6537-46ED-A364-51F3E303C656}"/>
          </ac:spMkLst>
        </pc:spChg>
        <pc:spChg chg="mod">
          <ac:chgData name="Merve Turhan" userId="3594cd17-5953-4511-8d53-8cfc799250e7" providerId="ADAL" clId="{E225DE88-74CE-48ED-AC1F-DE1313954DC9}" dt="2022-05-19T14:00:03.989" v="4063" actId="790"/>
          <ac:spMkLst>
            <pc:docMk/>
            <pc:sldMk cId="3032936771" sldId="538"/>
            <ac:spMk id="119" creationId="{C1235757-1A9B-4633-A952-45FF49E580C1}"/>
          </ac:spMkLst>
        </pc:spChg>
      </pc:sldChg>
      <pc:sldChg chg="addSp delSp modSp mod">
        <pc:chgData name="Merve Turhan" userId="3594cd17-5953-4511-8d53-8cfc799250e7" providerId="ADAL" clId="{E225DE88-74CE-48ED-AC1F-DE1313954DC9}" dt="2022-05-19T14:00:03.873" v="3905"/>
        <pc:sldMkLst>
          <pc:docMk/>
          <pc:sldMk cId="2892264309" sldId="539"/>
        </pc:sldMkLst>
        <pc:spChg chg="mod">
          <ac:chgData name="Merve Turhan" userId="3594cd17-5953-4511-8d53-8cfc799250e7" providerId="ADAL" clId="{E225DE88-74CE-48ED-AC1F-DE1313954DC9}" dt="2022-05-19T14:00:03.873" v="3901" actId="790"/>
          <ac:spMkLst>
            <pc:docMk/>
            <pc:sldMk cId="2892264309" sldId="539"/>
            <ac:spMk id="2" creationId="{585734A3-2D83-4583-BB70-FB7D4792311D}"/>
          </ac:spMkLst>
        </pc:spChg>
        <pc:spChg chg="mod">
          <ac:chgData name="Merve Turhan" userId="3594cd17-5953-4511-8d53-8cfc799250e7" providerId="ADAL" clId="{E225DE88-74CE-48ED-AC1F-DE1313954DC9}" dt="2022-05-19T14:00:03.873" v="3902" actId="790"/>
          <ac:spMkLst>
            <pc:docMk/>
            <pc:sldMk cId="2892264309" sldId="539"/>
            <ac:spMk id="6" creationId="{41B7A93F-87A6-4C7B-BB5A-89757BA1A568}"/>
          </ac:spMkLst>
        </pc:spChg>
        <pc:spChg chg="mod">
          <ac:chgData name="Merve Turhan" userId="3594cd17-5953-4511-8d53-8cfc799250e7" providerId="ADAL" clId="{E225DE88-74CE-48ED-AC1F-DE1313954DC9}" dt="2022-05-19T14:00:03.873" v="3903" actId="790"/>
          <ac:spMkLst>
            <pc:docMk/>
            <pc:sldMk cId="2892264309" sldId="539"/>
            <ac:spMk id="7" creationId="{E24756D4-8135-4741-B3EA-5AF686A60A98}"/>
          </ac:spMkLst>
        </pc:spChg>
        <pc:spChg chg="mod">
          <ac:chgData name="Merve Turhan" userId="3594cd17-5953-4511-8d53-8cfc799250e7" providerId="ADAL" clId="{E225DE88-74CE-48ED-AC1F-DE1313954DC9}" dt="2022-05-19T14:00:03.873" v="3904"/>
          <ac:spMkLst>
            <pc:docMk/>
            <pc:sldMk cId="2892264309" sldId="539"/>
            <ac:spMk id="8" creationId="{0F857DFE-2EFE-4A13-89EF-8B3A57D46F36}"/>
          </ac:spMkLst>
        </pc:spChg>
        <pc:spChg chg="mod ord">
          <ac:chgData name="Merve Turhan" userId="3594cd17-5953-4511-8d53-8cfc799250e7" providerId="ADAL" clId="{E225DE88-74CE-48ED-AC1F-DE1313954DC9}" dt="2022-05-19T14:00:03.873" v="3905"/>
          <ac:spMkLst>
            <pc:docMk/>
            <pc:sldMk cId="2892264309" sldId="539"/>
            <ac:spMk id="9" creationId="{216D8602-3DBE-4ADC-B272-247184D2EAE6}"/>
          </ac:spMkLst>
        </pc:spChg>
        <pc:picChg chg="add mod">
          <ac:chgData name="Merve Turhan" userId="3594cd17-5953-4511-8d53-8cfc799250e7" providerId="ADAL" clId="{E225DE88-74CE-48ED-AC1F-DE1313954DC9}" dt="2022-05-17T12:07:31.327" v="436" actId="14100"/>
          <ac:picMkLst>
            <pc:docMk/>
            <pc:sldMk cId="2892264309" sldId="539"/>
            <ac:picMk id="4" creationId="{542E9C31-6071-49C4-B058-2473FF7FCA79}"/>
          </ac:picMkLst>
        </pc:picChg>
        <pc:picChg chg="del">
          <ac:chgData name="Merve Turhan" userId="3594cd17-5953-4511-8d53-8cfc799250e7" providerId="ADAL" clId="{E225DE88-74CE-48ED-AC1F-DE1313954DC9}" dt="2022-05-17T12:07:04.804" v="428" actId="478"/>
          <ac:picMkLst>
            <pc:docMk/>
            <pc:sldMk cId="2892264309" sldId="539"/>
            <ac:picMk id="5" creationId="{ED24D716-CB42-4C49-B520-07A2DE8079AF}"/>
          </ac:picMkLst>
        </pc:picChg>
      </pc:sldChg>
      <pc:sldChg chg="addSp delSp modSp mod">
        <pc:chgData name="Merve Turhan" userId="3594cd17-5953-4511-8d53-8cfc799250e7" providerId="ADAL" clId="{E225DE88-74CE-48ED-AC1F-DE1313954DC9}" dt="2022-05-19T14:00:03.889" v="3909" actId="790"/>
        <pc:sldMkLst>
          <pc:docMk/>
          <pc:sldMk cId="1598766672" sldId="540"/>
        </pc:sldMkLst>
        <pc:spChg chg="mod">
          <ac:chgData name="Merve Turhan" userId="3594cd17-5953-4511-8d53-8cfc799250e7" providerId="ADAL" clId="{E225DE88-74CE-48ED-AC1F-DE1313954DC9}" dt="2022-05-19T14:00:03.873" v="3906" actId="790"/>
          <ac:spMkLst>
            <pc:docMk/>
            <pc:sldMk cId="1598766672" sldId="540"/>
            <ac:spMk id="2" creationId="{585734A3-2D83-4583-BB70-FB7D4792311D}"/>
          </ac:spMkLst>
        </pc:spChg>
        <pc:spChg chg="mod">
          <ac:chgData name="Merve Turhan" userId="3594cd17-5953-4511-8d53-8cfc799250e7" providerId="ADAL" clId="{E225DE88-74CE-48ED-AC1F-DE1313954DC9}" dt="2022-05-19T14:00:03.873" v="3907" actId="790"/>
          <ac:spMkLst>
            <pc:docMk/>
            <pc:sldMk cId="1598766672" sldId="540"/>
            <ac:spMk id="7" creationId="{E24756D4-8135-4741-B3EA-5AF686A60A98}"/>
          </ac:spMkLst>
        </pc:spChg>
        <pc:spChg chg="mod">
          <ac:chgData name="Merve Turhan" userId="3594cd17-5953-4511-8d53-8cfc799250e7" providerId="ADAL" clId="{E225DE88-74CE-48ED-AC1F-DE1313954DC9}" dt="2022-05-19T14:00:03.889" v="3908" actId="790"/>
          <ac:spMkLst>
            <pc:docMk/>
            <pc:sldMk cId="1598766672" sldId="540"/>
            <ac:spMk id="8" creationId="{0F857DFE-2EFE-4A13-89EF-8B3A57D46F36}"/>
          </ac:spMkLst>
        </pc:spChg>
        <pc:spChg chg="add mod">
          <ac:chgData name="Merve Turhan" userId="3594cd17-5953-4511-8d53-8cfc799250e7" providerId="ADAL" clId="{E225DE88-74CE-48ED-AC1F-DE1313954DC9}" dt="2022-05-19T14:00:03.889" v="3909" actId="790"/>
          <ac:spMkLst>
            <pc:docMk/>
            <pc:sldMk cId="1598766672" sldId="540"/>
            <ac:spMk id="9" creationId="{5AA41A38-F084-42CA-B814-D2B28A6D6F88}"/>
          </ac:spMkLst>
        </pc:spChg>
        <pc:picChg chg="del">
          <ac:chgData name="Merve Turhan" userId="3594cd17-5953-4511-8d53-8cfc799250e7" providerId="ADAL" clId="{E225DE88-74CE-48ED-AC1F-DE1313954DC9}" dt="2022-05-17T12:08:01.028" v="438" actId="478"/>
          <ac:picMkLst>
            <pc:docMk/>
            <pc:sldMk cId="1598766672" sldId="540"/>
            <ac:picMk id="4" creationId="{497D7D8E-99E3-4E6C-9D41-E89A37301FB3}"/>
          </ac:picMkLst>
        </pc:picChg>
        <pc:picChg chg="add mod">
          <ac:chgData name="Merve Turhan" userId="3594cd17-5953-4511-8d53-8cfc799250e7" providerId="ADAL" clId="{E225DE88-74CE-48ED-AC1F-DE1313954DC9}" dt="2022-05-17T12:08:29.881" v="442" actId="1076"/>
          <ac:picMkLst>
            <pc:docMk/>
            <pc:sldMk cId="1598766672" sldId="540"/>
            <ac:picMk id="5" creationId="{1ECD3826-169E-4DE5-890A-088576A73A0E}"/>
          </ac:picMkLst>
        </pc:picChg>
      </pc:sldChg>
      <pc:sldChg chg="addSp delSp modSp mod addAnim delAnim modAnim">
        <pc:chgData name="Merve Turhan" userId="3594cd17-5953-4511-8d53-8cfc799250e7" providerId="ADAL" clId="{E225DE88-74CE-48ED-AC1F-DE1313954DC9}" dt="2022-05-19T14:00:03.889" v="3938"/>
        <pc:sldMkLst>
          <pc:docMk/>
          <pc:sldMk cId="2918085937" sldId="541"/>
        </pc:sldMkLst>
        <pc:spChg chg="mod">
          <ac:chgData name="Merve Turhan" userId="3594cd17-5953-4511-8d53-8cfc799250e7" providerId="ADAL" clId="{E225DE88-74CE-48ED-AC1F-DE1313954DC9}" dt="2022-05-19T14:00:03.889" v="3910" actId="790"/>
          <ac:spMkLst>
            <pc:docMk/>
            <pc:sldMk cId="2918085937" sldId="541"/>
            <ac:spMk id="2" creationId="{585734A3-2D83-4583-BB70-FB7D4792311D}"/>
          </ac:spMkLst>
        </pc:spChg>
        <pc:spChg chg="add del mod">
          <ac:chgData name="Merve Turhan" userId="3594cd17-5953-4511-8d53-8cfc799250e7" providerId="ADAL" clId="{E225DE88-74CE-48ED-AC1F-DE1313954DC9}" dt="2022-05-17T12:49:55.045" v="502" actId="478"/>
          <ac:spMkLst>
            <pc:docMk/>
            <pc:sldMk cId="2918085937" sldId="541"/>
            <ac:spMk id="5" creationId="{5527F07B-019B-4443-95E7-E95F44DC0B70}"/>
          </ac:spMkLst>
        </pc:spChg>
        <pc:spChg chg="mod">
          <ac:chgData name="Merve Turhan" userId="3594cd17-5953-4511-8d53-8cfc799250e7" providerId="ADAL" clId="{E225DE88-74CE-48ED-AC1F-DE1313954DC9}" dt="2022-05-19T14:00:03.889" v="3911" actId="790"/>
          <ac:spMkLst>
            <pc:docMk/>
            <pc:sldMk cId="2918085937" sldId="541"/>
            <ac:spMk id="6" creationId="{41B7A93F-87A6-4C7B-BB5A-89757BA1A568}"/>
          </ac:spMkLst>
        </pc:spChg>
        <pc:spChg chg="mod">
          <ac:chgData name="Merve Turhan" userId="3594cd17-5953-4511-8d53-8cfc799250e7" providerId="ADAL" clId="{E225DE88-74CE-48ED-AC1F-DE1313954DC9}" dt="2022-05-19T14:00:03.889" v="3912" actId="790"/>
          <ac:spMkLst>
            <pc:docMk/>
            <pc:sldMk cId="2918085937" sldId="541"/>
            <ac:spMk id="7" creationId="{E24756D4-8135-4741-B3EA-5AF686A60A98}"/>
          </ac:spMkLst>
        </pc:spChg>
        <pc:spChg chg="mod">
          <ac:chgData name="Merve Turhan" userId="3594cd17-5953-4511-8d53-8cfc799250e7" providerId="ADAL" clId="{E225DE88-74CE-48ED-AC1F-DE1313954DC9}" dt="2022-05-19T14:00:03.889" v="3913" actId="790"/>
          <ac:spMkLst>
            <pc:docMk/>
            <pc:sldMk cId="2918085937" sldId="541"/>
            <ac:spMk id="8" creationId="{0F857DFE-2EFE-4A13-89EF-8B3A57D46F36}"/>
          </ac:spMkLst>
        </pc:spChg>
        <pc:spChg chg="add del mod">
          <ac:chgData name="Merve Turhan" userId="3594cd17-5953-4511-8d53-8cfc799250e7" providerId="ADAL" clId="{E225DE88-74CE-48ED-AC1F-DE1313954DC9}" dt="2022-05-19T05:05:27.615" v="2759" actId="478"/>
          <ac:spMkLst>
            <pc:docMk/>
            <pc:sldMk cId="2918085937" sldId="541"/>
            <ac:spMk id="9" creationId="{27D73AB0-3EA1-46AD-9C86-37EC26E801FE}"/>
          </ac:spMkLst>
        </pc:spChg>
        <pc:spChg chg="add del mod">
          <ac:chgData name="Merve Turhan" userId="3594cd17-5953-4511-8d53-8cfc799250e7" providerId="ADAL" clId="{E225DE88-74CE-48ED-AC1F-DE1313954DC9}" dt="2022-05-19T14:00:03.889" v="3938"/>
          <ac:spMkLst>
            <pc:docMk/>
            <pc:sldMk cId="2918085937" sldId="541"/>
            <ac:spMk id="11" creationId="{BCC731BB-6CD1-4A29-8874-40982B5D801B}"/>
          </ac:spMkLst>
        </pc:spChg>
        <pc:spChg chg="mod">
          <ac:chgData name="Merve Turhan" userId="3594cd17-5953-4511-8d53-8cfc799250e7" providerId="ADAL" clId="{E225DE88-74CE-48ED-AC1F-DE1313954DC9}" dt="2022-05-19T14:00:03.889" v="3914"/>
          <ac:spMkLst>
            <pc:docMk/>
            <pc:sldMk cId="2918085937" sldId="541"/>
            <ac:spMk id="12" creationId="{61FE4F9A-E9B9-439F-ACA4-3A199F30C44D}"/>
          </ac:spMkLst>
        </pc:spChg>
        <pc:spChg chg="mod">
          <ac:chgData name="Merve Turhan" userId="3594cd17-5953-4511-8d53-8cfc799250e7" providerId="ADAL" clId="{E225DE88-74CE-48ED-AC1F-DE1313954DC9}" dt="2022-05-19T14:00:03.889" v="3915"/>
          <ac:spMkLst>
            <pc:docMk/>
            <pc:sldMk cId="2918085937" sldId="541"/>
            <ac:spMk id="13" creationId="{97477C4D-AD67-47A8-AC04-164898060756}"/>
          </ac:spMkLst>
        </pc:spChg>
        <pc:spChg chg="mod">
          <ac:chgData name="Merve Turhan" userId="3594cd17-5953-4511-8d53-8cfc799250e7" providerId="ADAL" clId="{E225DE88-74CE-48ED-AC1F-DE1313954DC9}" dt="2022-05-19T14:00:03.889" v="3916"/>
          <ac:spMkLst>
            <pc:docMk/>
            <pc:sldMk cId="2918085937" sldId="541"/>
            <ac:spMk id="14" creationId="{B9D52A55-CCEE-4230-AFDE-593D58B4C8B9}"/>
          </ac:spMkLst>
        </pc:spChg>
        <pc:spChg chg="mod">
          <ac:chgData name="Merve Turhan" userId="3594cd17-5953-4511-8d53-8cfc799250e7" providerId="ADAL" clId="{E225DE88-74CE-48ED-AC1F-DE1313954DC9}" dt="2022-05-19T14:00:03.889" v="3917"/>
          <ac:spMkLst>
            <pc:docMk/>
            <pc:sldMk cId="2918085937" sldId="541"/>
            <ac:spMk id="15" creationId="{CBC6CD6B-85CA-4378-9569-2F5D72D40839}"/>
          </ac:spMkLst>
        </pc:spChg>
        <pc:spChg chg="mod">
          <ac:chgData name="Merve Turhan" userId="3594cd17-5953-4511-8d53-8cfc799250e7" providerId="ADAL" clId="{E225DE88-74CE-48ED-AC1F-DE1313954DC9}" dt="2022-05-19T14:00:03.889" v="3918"/>
          <ac:spMkLst>
            <pc:docMk/>
            <pc:sldMk cId="2918085937" sldId="541"/>
            <ac:spMk id="16" creationId="{010D08B3-DCFA-4217-B949-3C4AA224C4E9}"/>
          </ac:spMkLst>
        </pc:spChg>
        <pc:spChg chg="mod">
          <ac:chgData name="Merve Turhan" userId="3594cd17-5953-4511-8d53-8cfc799250e7" providerId="ADAL" clId="{E225DE88-74CE-48ED-AC1F-DE1313954DC9}" dt="2022-05-19T14:00:03.889" v="3919"/>
          <ac:spMkLst>
            <pc:docMk/>
            <pc:sldMk cId="2918085937" sldId="541"/>
            <ac:spMk id="17" creationId="{A7C16F4B-1B94-49EE-A2FD-F0C0C75A88DA}"/>
          </ac:spMkLst>
        </pc:spChg>
        <pc:spChg chg="mod">
          <ac:chgData name="Merve Turhan" userId="3594cd17-5953-4511-8d53-8cfc799250e7" providerId="ADAL" clId="{E225DE88-74CE-48ED-AC1F-DE1313954DC9}" dt="2022-05-19T14:00:03.889" v="3920"/>
          <ac:spMkLst>
            <pc:docMk/>
            <pc:sldMk cId="2918085937" sldId="541"/>
            <ac:spMk id="18" creationId="{A6E4153B-8747-4F97-99AA-0D9A6EB54012}"/>
          </ac:spMkLst>
        </pc:spChg>
        <pc:spChg chg="mod">
          <ac:chgData name="Merve Turhan" userId="3594cd17-5953-4511-8d53-8cfc799250e7" providerId="ADAL" clId="{E225DE88-74CE-48ED-AC1F-DE1313954DC9}" dt="2022-05-19T14:00:03.889" v="3921"/>
          <ac:spMkLst>
            <pc:docMk/>
            <pc:sldMk cId="2918085937" sldId="541"/>
            <ac:spMk id="19" creationId="{A08DBD20-2634-46F3-B756-CFBA83402559}"/>
          </ac:spMkLst>
        </pc:spChg>
        <pc:spChg chg="mod">
          <ac:chgData name="Merve Turhan" userId="3594cd17-5953-4511-8d53-8cfc799250e7" providerId="ADAL" clId="{E225DE88-74CE-48ED-AC1F-DE1313954DC9}" dt="2022-05-19T14:00:03.889" v="3922"/>
          <ac:spMkLst>
            <pc:docMk/>
            <pc:sldMk cId="2918085937" sldId="541"/>
            <ac:spMk id="20" creationId="{1A7DA3C9-EE6C-49DD-B5B2-283465117A13}"/>
          </ac:spMkLst>
        </pc:spChg>
        <pc:spChg chg="mod">
          <ac:chgData name="Merve Turhan" userId="3594cd17-5953-4511-8d53-8cfc799250e7" providerId="ADAL" clId="{E225DE88-74CE-48ED-AC1F-DE1313954DC9}" dt="2022-05-19T14:00:03.889" v="3923"/>
          <ac:spMkLst>
            <pc:docMk/>
            <pc:sldMk cId="2918085937" sldId="541"/>
            <ac:spMk id="29" creationId="{411552AF-8CB5-4134-B691-D536D6119A27}"/>
          </ac:spMkLst>
        </pc:spChg>
        <pc:spChg chg="mod">
          <ac:chgData name="Merve Turhan" userId="3594cd17-5953-4511-8d53-8cfc799250e7" providerId="ADAL" clId="{E225DE88-74CE-48ED-AC1F-DE1313954DC9}" dt="2022-05-19T14:00:03.889" v="3924"/>
          <ac:spMkLst>
            <pc:docMk/>
            <pc:sldMk cId="2918085937" sldId="541"/>
            <ac:spMk id="30" creationId="{94E8C7CD-8F35-4BB0-BFAD-7C3884217BA4}"/>
          </ac:spMkLst>
        </pc:spChg>
        <pc:spChg chg="mod">
          <ac:chgData name="Merve Turhan" userId="3594cd17-5953-4511-8d53-8cfc799250e7" providerId="ADAL" clId="{E225DE88-74CE-48ED-AC1F-DE1313954DC9}" dt="2022-05-19T14:00:03.889" v="3925"/>
          <ac:spMkLst>
            <pc:docMk/>
            <pc:sldMk cId="2918085937" sldId="541"/>
            <ac:spMk id="31" creationId="{D3289834-BD5C-4476-B161-125E8A2E8763}"/>
          </ac:spMkLst>
        </pc:spChg>
        <pc:spChg chg="mod">
          <ac:chgData name="Merve Turhan" userId="3594cd17-5953-4511-8d53-8cfc799250e7" providerId="ADAL" clId="{E225DE88-74CE-48ED-AC1F-DE1313954DC9}" dt="2022-05-19T14:00:03.889" v="3926"/>
          <ac:spMkLst>
            <pc:docMk/>
            <pc:sldMk cId="2918085937" sldId="541"/>
            <ac:spMk id="32" creationId="{07D51B04-D118-416F-AC99-77B9962B5E08}"/>
          </ac:spMkLst>
        </pc:spChg>
        <pc:spChg chg="mod">
          <ac:chgData name="Merve Turhan" userId="3594cd17-5953-4511-8d53-8cfc799250e7" providerId="ADAL" clId="{E225DE88-74CE-48ED-AC1F-DE1313954DC9}" dt="2022-05-19T14:00:03.889" v="3927"/>
          <ac:spMkLst>
            <pc:docMk/>
            <pc:sldMk cId="2918085937" sldId="541"/>
            <ac:spMk id="33" creationId="{BF076E25-E9E8-4119-8AB0-730CDCE5EF2B}"/>
          </ac:spMkLst>
        </pc:spChg>
        <pc:spChg chg="mod">
          <ac:chgData name="Merve Turhan" userId="3594cd17-5953-4511-8d53-8cfc799250e7" providerId="ADAL" clId="{E225DE88-74CE-48ED-AC1F-DE1313954DC9}" dt="2022-05-19T14:00:03.889" v="3928"/>
          <ac:spMkLst>
            <pc:docMk/>
            <pc:sldMk cId="2918085937" sldId="541"/>
            <ac:spMk id="34" creationId="{078914D3-0D96-4804-A77B-AD1136AC03CB}"/>
          </ac:spMkLst>
        </pc:spChg>
        <pc:spChg chg="mod">
          <ac:chgData name="Merve Turhan" userId="3594cd17-5953-4511-8d53-8cfc799250e7" providerId="ADAL" clId="{E225DE88-74CE-48ED-AC1F-DE1313954DC9}" dt="2022-05-19T14:00:03.889" v="3929"/>
          <ac:spMkLst>
            <pc:docMk/>
            <pc:sldMk cId="2918085937" sldId="541"/>
            <ac:spMk id="36" creationId="{7636D3B0-36BE-4376-A6F9-AF45609BC9F8}"/>
          </ac:spMkLst>
        </pc:spChg>
        <pc:spChg chg="mod">
          <ac:chgData name="Merve Turhan" userId="3594cd17-5953-4511-8d53-8cfc799250e7" providerId="ADAL" clId="{E225DE88-74CE-48ED-AC1F-DE1313954DC9}" dt="2022-05-19T14:00:03.889" v="3930"/>
          <ac:spMkLst>
            <pc:docMk/>
            <pc:sldMk cId="2918085937" sldId="541"/>
            <ac:spMk id="40" creationId="{E2651A42-59D1-493D-A26D-EA30C629E584}"/>
          </ac:spMkLst>
        </pc:spChg>
        <pc:spChg chg="mod">
          <ac:chgData name="Merve Turhan" userId="3594cd17-5953-4511-8d53-8cfc799250e7" providerId="ADAL" clId="{E225DE88-74CE-48ED-AC1F-DE1313954DC9}" dt="2022-05-19T14:00:03.889" v="3936"/>
          <ac:spMkLst>
            <pc:docMk/>
            <pc:sldMk cId="2918085937" sldId="541"/>
            <ac:spMk id="41" creationId="{980DE667-62B4-497C-AB2E-11A830767156}"/>
          </ac:spMkLst>
        </pc:spChg>
        <pc:spChg chg="mod ord">
          <ac:chgData name="Merve Turhan" userId="3594cd17-5953-4511-8d53-8cfc799250e7" providerId="ADAL" clId="{E225DE88-74CE-48ED-AC1F-DE1313954DC9}" dt="2022-05-19T14:00:03.889" v="3937"/>
          <ac:spMkLst>
            <pc:docMk/>
            <pc:sldMk cId="2918085937" sldId="541"/>
            <ac:spMk id="42" creationId="{26B0443A-66E4-40EA-92A7-66F354D1EBCE}"/>
          </ac:spMkLst>
        </pc:spChg>
        <pc:spChg chg="add del mod">
          <ac:chgData name="Merve Turhan" userId="3594cd17-5953-4511-8d53-8cfc799250e7" providerId="ADAL" clId="{E225DE88-74CE-48ED-AC1F-DE1313954DC9}" dt="2022-05-19T05:05:37.515" v="2764" actId="478"/>
          <ac:spMkLst>
            <pc:docMk/>
            <pc:sldMk cId="2918085937" sldId="541"/>
            <ac:spMk id="49" creationId="{829898CE-EDDF-453B-B15F-AC0C4014E898}"/>
          </ac:spMkLst>
        </pc:spChg>
        <pc:spChg chg="mod">
          <ac:chgData name="Merve Turhan" userId="3594cd17-5953-4511-8d53-8cfc799250e7" providerId="ADAL" clId="{E225DE88-74CE-48ED-AC1F-DE1313954DC9}" dt="2022-05-19T14:00:03.889" v="3931"/>
          <ac:spMkLst>
            <pc:docMk/>
            <pc:sldMk cId="2918085937" sldId="541"/>
            <ac:spMk id="57" creationId="{F11962AC-7675-4ADC-B098-478FE35C965D}"/>
          </ac:spMkLst>
        </pc:spChg>
        <pc:spChg chg="mod">
          <ac:chgData name="Merve Turhan" userId="3594cd17-5953-4511-8d53-8cfc799250e7" providerId="ADAL" clId="{E225DE88-74CE-48ED-AC1F-DE1313954DC9}" dt="2022-05-19T14:00:03.889" v="3932"/>
          <ac:spMkLst>
            <pc:docMk/>
            <pc:sldMk cId="2918085937" sldId="541"/>
            <ac:spMk id="59" creationId="{F548E0F5-F8A3-4811-AD20-1446DF1944DB}"/>
          </ac:spMkLst>
        </pc:spChg>
        <pc:spChg chg="mod">
          <ac:chgData name="Merve Turhan" userId="3594cd17-5953-4511-8d53-8cfc799250e7" providerId="ADAL" clId="{E225DE88-74CE-48ED-AC1F-DE1313954DC9}" dt="2022-05-19T14:00:03.889" v="3933"/>
          <ac:spMkLst>
            <pc:docMk/>
            <pc:sldMk cId="2918085937" sldId="541"/>
            <ac:spMk id="60" creationId="{E17973A9-EFA6-48FA-B643-1E68A5FDC9E5}"/>
          </ac:spMkLst>
        </pc:spChg>
        <pc:spChg chg="mod">
          <ac:chgData name="Merve Turhan" userId="3594cd17-5953-4511-8d53-8cfc799250e7" providerId="ADAL" clId="{E225DE88-74CE-48ED-AC1F-DE1313954DC9}" dt="2022-05-19T14:00:03.889" v="3934"/>
          <ac:spMkLst>
            <pc:docMk/>
            <pc:sldMk cId="2918085937" sldId="541"/>
            <ac:spMk id="61" creationId="{D1180F26-D6A0-44F5-8E89-8B608C36A20E}"/>
          </ac:spMkLst>
        </pc:spChg>
        <pc:spChg chg="mod">
          <ac:chgData name="Merve Turhan" userId="3594cd17-5953-4511-8d53-8cfc799250e7" providerId="ADAL" clId="{E225DE88-74CE-48ED-AC1F-DE1313954DC9}" dt="2022-05-19T14:00:03.889" v="3935"/>
          <ac:spMkLst>
            <pc:docMk/>
            <pc:sldMk cId="2918085937" sldId="541"/>
            <ac:spMk id="62" creationId="{ACF7C3AE-78D0-4AA6-A5C9-72DC009E8D6F}"/>
          </ac:spMkLst>
        </pc:spChg>
        <pc:picChg chg="add mod">
          <ac:chgData name="Merve Turhan" userId="3594cd17-5953-4511-8d53-8cfc799250e7" providerId="ADAL" clId="{E225DE88-74CE-48ED-AC1F-DE1313954DC9}" dt="2022-05-17T12:10:47.262" v="459" actId="1076"/>
          <ac:picMkLst>
            <pc:docMk/>
            <pc:sldMk cId="2918085937" sldId="541"/>
            <ac:picMk id="4" creationId="{9B02C45C-6564-453B-9086-7B1320D8153E}"/>
          </ac:picMkLst>
        </pc:picChg>
        <pc:picChg chg="del">
          <ac:chgData name="Merve Turhan" userId="3594cd17-5953-4511-8d53-8cfc799250e7" providerId="ADAL" clId="{E225DE88-74CE-48ED-AC1F-DE1313954DC9}" dt="2022-05-17T12:09:49.689" v="449" actId="478"/>
          <ac:picMkLst>
            <pc:docMk/>
            <pc:sldMk cId="2918085937" sldId="541"/>
            <ac:picMk id="10" creationId="{ADE4E49D-DC40-495D-91AB-7268B1BE61BD}"/>
          </ac:picMkLst>
        </pc:picChg>
        <pc:picChg chg="add del mod">
          <ac:chgData name="Merve Turhan" userId="3594cd17-5953-4511-8d53-8cfc799250e7" providerId="ADAL" clId="{E225DE88-74CE-48ED-AC1F-DE1313954DC9}" dt="2022-05-19T05:05:09.988" v="2752"/>
          <ac:picMkLst>
            <pc:docMk/>
            <pc:sldMk cId="2918085937" sldId="541"/>
            <ac:picMk id="39" creationId="{68553F13-B599-4099-9ABB-5B45D708EEFA}"/>
          </ac:picMkLst>
        </pc:picChg>
        <pc:picChg chg="add mod modCrop">
          <ac:chgData name="Merve Turhan" userId="3594cd17-5953-4511-8d53-8cfc799250e7" providerId="ADAL" clId="{E225DE88-74CE-48ED-AC1F-DE1313954DC9}" dt="2022-05-17T12:12:46.308" v="469" actId="1076"/>
          <ac:picMkLst>
            <pc:docMk/>
            <pc:sldMk cId="2918085937" sldId="541"/>
            <ac:picMk id="44" creationId="{63F523E0-F25E-4571-A24E-35090A45C35C}"/>
          </ac:picMkLst>
        </pc:picChg>
        <pc:picChg chg="add mod">
          <ac:chgData name="Merve Turhan" userId="3594cd17-5953-4511-8d53-8cfc799250e7" providerId="ADAL" clId="{E225DE88-74CE-48ED-AC1F-DE1313954DC9}" dt="2022-05-19T05:05:50.149" v="2768" actId="14100"/>
          <ac:picMkLst>
            <pc:docMk/>
            <pc:sldMk cId="2918085937" sldId="541"/>
            <ac:picMk id="45" creationId="{983603DC-89B6-462E-B95B-73789E824115}"/>
          </ac:picMkLst>
        </pc:picChg>
        <pc:picChg chg="add mod">
          <ac:chgData name="Merve Turhan" userId="3594cd17-5953-4511-8d53-8cfc799250e7" providerId="ADAL" clId="{E225DE88-74CE-48ED-AC1F-DE1313954DC9}" dt="2022-05-19T05:06:01.056" v="2772" actId="1076"/>
          <ac:picMkLst>
            <pc:docMk/>
            <pc:sldMk cId="2918085937" sldId="541"/>
            <ac:picMk id="53" creationId="{A6EA51AD-7C95-4E15-961C-A2F62A031CE0}"/>
          </ac:picMkLst>
        </pc:picChg>
      </pc:sldChg>
      <pc:sldChg chg="addSp modSp mod modAnim">
        <pc:chgData name="Merve Turhan" userId="3594cd17-5953-4511-8d53-8cfc799250e7" providerId="ADAL" clId="{E225DE88-74CE-48ED-AC1F-DE1313954DC9}" dt="2022-05-19T14:00:04.085" v="4179"/>
        <pc:sldMkLst>
          <pc:docMk/>
          <pc:sldMk cId="3694123121" sldId="543"/>
        </pc:sldMkLst>
        <pc:spChg chg="mod">
          <ac:chgData name="Merve Turhan" userId="3594cd17-5953-4511-8d53-8cfc799250e7" providerId="ADAL" clId="{E225DE88-74CE-48ED-AC1F-DE1313954DC9}" dt="2022-05-19T14:00:04.075" v="4177" actId="790"/>
          <ac:spMkLst>
            <pc:docMk/>
            <pc:sldMk cId="3694123121" sldId="543"/>
            <ac:spMk id="2" creationId="{C1B456BB-45A4-45E4-9ECD-0CECA34966EA}"/>
          </ac:spMkLst>
        </pc:spChg>
        <pc:spChg chg="mod">
          <ac:chgData name="Merve Turhan" userId="3594cd17-5953-4511-8d53-8cfc799250e7" providerId="ADAL" clId="{E225DE88-74CE-48ED-AC1F-DE1313954DC9}" dt="2022-05-19T14:00:04.085" v="4178" actId="790"/>
          <ac:spMkLst>
            <pc:docMk/>
            <pc:sldMk cId="3694123121" sldId="543"/>
            <ac:spMk id="3" creationId="{C0BC675F-883D-4CC5-A580-7A9D49AD3814}"/>
          </ac:spMkLst>
        </pc:spChg>
        <pc:spChg chg="add mod">
          <ac:chgData name="Merve Turhan" userId="3594cd17-5953-4511-8d53-8cfc799250e7" providerId="ADAL" clId="{E225DE88-74CE-48ED-AC1F-DE1313954DC9}" dt="2022-05-19T14:00:04.085" v="4179"/>
          <ac:spMkLst>
            <pc:docMk/>
            <pc:sldMk cId="3694123121" sldId="543"/>
            <ac:spMk id="5" creationId="{A20EBC35-F23D-4525-BB82-F72793A48090}"/>
          </ac:spMkLst>
        </pc:spChg>
        <pc:graphicFrameChg chg="mod modGraphic">
          <ac:chgData name="Merve Turhan" userId="3594cd17-5953-4511-8d53-8cfc799250e7" providerId="ADAL" clId="{E225DE88-74CE-48ED-AC1F-DE1313954DC9}" dt="2022-05-18T21:31:56.480" v="2574" actId="20577"/>
          <ac:graphicFrameMkLst>
            <pc:docMk/>
            <pc:sldMk cId="3694123121" sldId="543"/>
            <ac:graphicFrameMk id="4" creationId="{19802A92-5904-4E21-B810-46277C1B0CB2}"/>
          </ac:graphicFrameMkLst>
        </pc:graphicFrameChg>
      </pc:sldChg>
      <pc:sldChg chg="delSp modSp del mod ord delAnim">
        <pc:chgData name="Merve Turhan" userId="3594cd17-5953-4511-8d53-8cfc799250e7" providerId="ADAL" clId="{E225DE88-74CE-48ED-AC1F-DE1313954DC9}" dt="2022-05-19T07:01:02.020" v="3242" actId="47"/>
        <pc:sldMkLst>
          <pc:docMk/>
          <pc:sldMk cId="198089982" sldId="544"/>
        </pc:sldMkLst>
        <pc:spChg chg="mod">
          <ac:chgData name="Merve Turhan" userId="3594cd17-5953-4511-8d53-8cfc799250e7" providerId="ADAL" clId="{E225DE88-74CE-48ED-AC1F-DE1313954DC9}" dt="2022-05-17T18:09:30.490" v="908" actId="790"/>
          <ac:spMkLst>
            <pc:docMk/>
            <pc:sldMk cId="198089982" sldId="544"/>
            <ac:spMk id="2" creationId="{C34719D1-366A-4F42-BEE9-8FFB1FF5FB46}"/>
          </ac:spMkLst>
        </pc:spChg>
        <pc:spChg chg="mod">
          <ac:chgData name="Merve Turhan" userId="3594cd17-5953-4511-8d53-8cfc799250e7" providerId="ADAL" clId="{E225DE88-74CE-48ED-AC1F-DE1313954DC9}" dt="2022-05-18T22:29:04.780" v="2691" actId="20577"/>
          <ac:spMkLst>
            <pc:docMk/>
            <pc:sldMk cId="198089982" sldId="544"/>
            <ac:spMk id="3" creationId="{723EE39E-B7DF-4450-8AC0-A43CCFFCBAB5}"/>
          </ac:spMkLst>
        </pc:spChg>
        <pc:spChg chg="del mod">
          <ac:chgData name="Merve Turhan" userId="3594cd17-5953-4511-8d53-8cfc799250e7" providerId="ADAL" clId="{E225DE88-74CE-48ED-AC1F-DE1313954DC9}" dt="2022-05-18T21:36:12.808" v="2604" actId="478"/>
          <ac:spMkLst>
            <pc:docMk/>
            <pc:sldMk cId="198089982" sldId="544"/>
            <ac:spMk id="6" creationId="{2D73E716-6D1E-4C27-B9C6-237B15CF034B}"/>
          </ac:spMkLst>
        </pc:spChg>
        <pc:picChg chg="del">
          <ac:chgData name="Merve Turhan" userId="3594cd17-5953-4511-8d53-8cfc799250e7" providerId="ADAL" clId="{E225DE88-74CE-48ED-AC1F-DE1313954DC9}" dt="2022-05-18T21:36:10.699" v="2602" actId="478"/>
          <ac:picMkLst>
            <pc:docMk/>
            <pc:sldMk cId="198089982" sldId="544"/>
            <ac:picMk id="5" creationId="{3277BCD5-CD5B-40C3-B6DC-BC08F1676F80}"/>
          </ac:picMkLst>
        </pc:picChg>
      </pc:sldChg>
      <pc:sldChg chg="addSp modSp mod modAnim">
        <pc:chgData name="Merve Turhan" userId="3594cd17-5953-4511-8d53-8cfc799250e7" providerId="ADAL" clId="{E225DE88-74CE-48ED-AC1F-DE1313954DC9}" dt="2022-05-19T14:00:04.005" v="4091"/>
        <pc:sldMkLst>
          <pc:docMk/>
          <pc:sldMk cId="3635840541" sldId="545"/>
        </pc:sldMkLst>
        <pc:spChg chg="mod">
          <ac:chgData name="Merve Turhan" userId="3594cd17-5953-4511-8d53-8cfc799250e7" providerId="ADAL" clId="{E225DE88-74CE-48ED-AC1F-DE1313954DC9}" dt="2022-05-19T14:00:04.005" v="4088" actId="790"/>
          <ac:spMkLst>
            <pc:docMk/>
            <pc:sldMk cId="3635840541" sldId="545"/>
            <ac:spMk id="2" creationId="{3DD67EBF-0AF4-4F8D-9770-1DB85D459BE2}"/>
          </ac:spMkLst>
        </pc:spChg>
        <pc:spChg chg="mod">
          <ac:chgData name="Merve Turhan" userId="3594cd17-5953-4511-8d53-8cfc799250e7" providerId="ADAL" clId="{E225DE88-74CE-48ED-AC1F-DE1313954DC9}" dt="2022-05-19T14:00:04.005" v="4089" actId="790"/>
          <ac:spMkLst>
            <pc:docMk/>
            <pc:sldMk cId="3635840541" sldId="545"/>
            <ac:spMk id="3" creationId="{07A447B9-B230-4958-A6E9-443E2939DEA3}"/>
          </ac:spMkLst>
        </pc:spChg>
        <pc:spChg chg="add mod">
          <ac:chgData name="Merve Turhan" userId="3594cd17-5953-4511-8d53-8cfc799250e7" providerId="ADAL" clId="{E225DE88-74CE-48ED-AC1F-DE1313954DC9}" dt="2022-05-19T14:00:04.005" v="4090"/>
          <ac:spMkLst>
            <pc:docMk/>
            <pc:sldMk cId="3635840541" sldId="545"/>
            <ac:spMk id="4" creationId="{0108D5EA-84F5-4470-8697-C3527CC5BA5E}"/>
          </ac:spMkLst>
        </pc:spChg>
        <pc:spChg chg="add mod">
          <ac:chgData name="Merve Turhan" userId="3594cd17-5953-4511-8d53-8cfc799250e7" providerId="ADAL" clId="{E225DE88-74CE-48ED-AC1F-DE1313954DC9}" dt="2022-05-19T14:00:04.005" v="4091"/>
          <ac:spMkLst>
            <pc:docMk/>
            <pc:sldMk cId="3635840541" sldId="545"/>
            <ac:spMk id="5" creationId="{A9C46CE3-96EC-44C8-A94E-286B32F2CBCC}"/>
          </ac:spMkLst>
        </pc:spChg>
      </pc:sldChg>
      <pc:sldChg chg="modSp mod">
        <pc:chgData name="Merve Turhan" userId="3594cd17-5953-4511-8d53-8cfc799250e7" providerId="ADAL" clId="{E225DE88-74CE-48ED-AC1F-DE1313954DC9}" dt="2022-05-19T14:00:04.045" v="4124" actId="790"/>
        <pc:sldMkLst>
          <pc:docMk/>
          <pc:sldMk cId="1197839042" sldId="547"/>
        </pc:sldMkLst>
        <pc:spChg chg="mod">
          <ac:chgData name="Merve Turhan" userId="3594cd17-5953-4511-8d53-8cfc799250e7" providerId="ADAL" clId="{E225DE88-74CE-48ED-AC1F-DE1313954DC9}" dt="2022-05-19T14:00:04.020" v="4108" actId="790"/>
          <ac:spMkLst>
            <pc:docMk/>
            <pc:sldMk cId="1197839042" sldId="547"/>
            <ac:spMk id="2" creationId="{769D6A69-CA26-4F52-AC72-6E3BAB115F6E}"/>
          </ac:spMkLst>
        </pc:spChg>
        <pc:spChg chg="mod">
          <ac:chgData name="Merve Turhan" userId="3594cd17-5953-4511-8d53-8cfc799250e7" providerId="ADAL" clId="{E225DE88-74CE-48ED-AC1F-DE1313954DC9}" dt="2022-05-19T14:00:04.036" v="4109" actId="790"/>
          <ac:spMkLst>
            <pc:docMk/>
            <pc:sldMk cId="1197839042" sldId="547"/>
            <ac:spMk id="3" creationId="{564CE5E3-F3B4-4237-88B0-E6459D52AB6F}"/>
          </ac:spMkLst>
        </pc:spChg>
        <pc:spChg chg="mod">
          <ac:chgData name="Merve Turhan" userId="3594cd17-5953-4511-8d53-8cfc799250e7" providerId="ADAL" clId="{E225DE88-74CE-48ED-AC1F-DE1313954DC9}" dt="2022-05-19T14:00:04.036" v="4110" actId="790"/>
          <ac:spMkLst>
            <pc:docMk/>
            <pc:sldMk cId="1197839042" sldId="547"/>
            <ac:spMk id="4" creationId="{8D1B08C6-84B0-4CAB-99A8-6B05FACCFB68}"/>
          </ac:spMkLst>
        </pc:spChg>
        <pc:spChg chg="mod">
          <ac:chgData name="Merve Turhan" userId="3594cd17-5953-4511-8d53-8cfc799250e7" providerId="ADAL" clId="{E225DE88-74CE-48ED-AC1F-DE1313954DC9}" dt="2022-05-19T14:00:04.036" v="4111" actId="790"/>
          <ac:spMkLst>
            <pc:docMk/>
            <pc:sldMk cId="1197839042" sldId="547"/>
            <ac:spMk id="5" creationId="{29F2DF52-DBAC-44C7-96B0-F07A3378557C}"/>
          </ac:spMkLst>
        </pc:spChg>
        <pc:spChg chg="mod">
          <ac:chgData name="Merve Turhan" userId="3594cd17-5953-4511-8d53-8cfc799250e7" providerId="ADAL" clId="{E225DE88-74CE-48ED-AC1F-DE1313954DC9}" dt="2022-05-19T14:00:04.036" v="4112" actId="790"/>
          <ac:spMkLst>
            <pc:docMk/>
            <pc:sldMk cId="1197839042" sldId="547"/>
            <ac:spMk id="6" creationId="{59F27082-D315-413C-AA36-1CD9776A90E3}"/>
          </ac:spMkLst>
        </pc:spChg>
        <pc:spChg chg="mod">
          <ac:chgData name="Merve Turhan" userId="3594cd17-5953-4511-8d53-8cfc799250e7" providerId="ADAL" clId="{E225DE88-74CE-48ED-AC1F-DE1313954DC9}" dt="2022-05-19T14:00:04.036" v="4113" actId="790"/>
          <ac:spMkLst>
            <pc:docMk/>
            <pc:sldMk cId="1197839042" sldId="547"/>
            <ac:spMk id="7" creationId="{D6E72D87-12B6-43D3-88F6-75EEA447F935}"/>
          </ac:spMkLst>
        </pc:spChg>
        <pc:spChg chg="mod">
          <ac:chgData name="Merve Turhan" userId="3594cd17-5953-4511-8d53-8cfc799250e7" providerId="ADAL" clId="{E225DE88-74CE-48ED-AC1F-DE1313954DC9}" dt="2022-05-19T14:00:04.036" v="4114" actId="790"/>
          <ac:spMkLst>
            <pc:docMk/>
            <pc:sldMk cId="1197839042" sldId="547"/>
            <ac:spMk id="8" creationId="{1640211A-D611-4A80-ACB7-D4DC6E04E250}"/>
          </ac:spMkLst>
        </pc:spChg>
        <pc:spChg chg="mod">
          <ac:chgData name="Merve Turhan" userId="3594cd17-5953-4511-8d53-8cfc799250e7" providerId="ADAL" clId="{E225DE88-74CE-48ED-AC1F-DE1313954DC9}" dt="2022-05-19T14:00:04.036" v="4115" actId="790"/>
          <ac:spMkLst>
            <pc:docMk/>
            <pc:sldMk cId="1197839042" sldId="547"/>
            <ac:spMk id="9" creationId="{9406963F-4B96-45FD-81D7-231AA8DB8EF9}"/>
          </ac:spMkLst>
        </pc:spChg>
        <pc:spChg chg="mod">
          <ac:chgData name="Merve Turhan" userId="3594cd17-5953-4511-8d53-8cfc799250e7" providerId="ADAL" clId="{E225DE88-74CE-48ED-AC1F-DE1313954DC9}" dt="2022-05-19T14:00:04.036" v="4116" actId="790"/>
          <ac:spMkLst>
            <pc:docMk/>
            <pc:sldMk cId="1197839042" sldId="547"/>
            <ac:spMk id="10" creationId="{A161401B-8407-43DC-B6F7-7F531842B358}"/>
          </ac:spMkLst>
        </pc:spChg>
        <pc:spChg chg="mod">
          <ac:chgData name="Merve Turhan" userId="3594cd17-5953-4511-8d53-8cfc799250e7" providerId="ADAL" clId="{E225DE88-74CE-48ED-AC1F-DE1313954DC9}" dt="2022-05-19T14:00:04.043" v="4117" actId="790"/>
          <ac:spMkLst>
            <pc:docMk/>
            <pc:sldMk cId="1197839042" sldId="547"/>
            <ac:spMk id="14" creationId="{A3A76F6A-C92D-41C3-AE83-5EBC01AA8ADA}"/>
          </ac:spMkLst>
        </pc:spChg>
        <pc:spChg chg="mod">
          <ac:chgData name="Merve Turhan" userId="3594cd17-5953-4511-8d53-8cfc799250e7" providerId="ADAL" clId="{E225DE88-74CE-48ED-AC1F-DE1313954DC9}" dt="2022-05-19T14:00:04.043" v="4118" actId="790"/>
          <ac:spMkLst>
            <pc:docMk/>
            <pc:sldMk cId="1197839042" sldId="547"/>
            <ac:spMk id="19" creationId="{4ED20295-E8F9-4FAE-85A8-FBF6CCC1F26C}"/>
          </ac:spMkLst>
        </pc:spChg>
        <pc:spChg chg="mod">
          <ac:chgData name="Merve Turhan" userId="3594cd17-5953-4511-8d53-8cfc799250e7" providerId="ADAL" clId="{E225DE88-74CE-48ED-AC1F-DE1313954DC9}" dt="2022-05-19T14:00:04.045" v="4119" actId="790"/>
          <ac:spMkLst>
            <pc:docMk/>
            <pc:sldMk cId="1197839042" sldId="547"/>
            <ac:spMk id="22" creationId="{93C9BA85-3C61-4877-9F37-BEE277DD0130}"/>
          </ac:spMkLst>
        </pc:spChg>
        <pc:spChg chg="mod">
          <ac:chgData name="Merve Turhan" userId="3594cd17-5953-4511-8d53-8cfc799250e7" providerId="ADAL" clId="{E225DE88-74CE-48ED-AC1F-DE1313954DC9}" dt="2022-05-19T14:00:04.045" v="4120" actId="790"/>
          <ac:spMkLst>
            <pc:docMk/>
            <pc:sldMk cId="1197839042" sldId="547"/>
            <ac:spMk id="23" creationId="{1EE719FC-F53E-4633-814E-9C9D2FEC5543}"/>
          </ac:spMkLst>
        </pc:spChg>
        <pc:spChg chg="mod">
          <ac:chgData name="Merve Turhan" userId="3594cd17-5953-4511-8d53-8cfc799250e7" providerId="ADAL" clId="{E225DE88-74CE-48ED-AC1F-DE1313954DC9}" dt="2022-05-19T14:00:04.045" v="4122" actId="790"/>
          <ac:spMkLst>
            <pc:docMk/>
            <pc:sldMk cId="1197839042" sldId="547"/>
            <ac:spMk id="24" creationId="{27FD9022-3BDA-4679-89ED-6CE2833935CF}"/>
          </ac:spMkLst>
        </pc:spChg>
        <pc:spChg chg="mod">
          <ac:chgData name="Merve Turhan" userId="3594cd17-5953-4511-8d53-8cfc799250e7" providerId="ADAL" clId="{E225DE88-74CE-48ED-AC1F-DE1313954DC9}" dt="2022-05-19T14:00:04.045" v="4121" actId="790"/>
          <ac:spMkLst>
            <pc:docMk/>
            <pc:sldMk cId="1197839042" sldId="547"/>
            <ac:spMk id="26" creationId="{138D257A-DD0A-4873-84C8-F62A958A5013}"/>
          </ac:spMkLst>
        </pc:spChg>
        <pc:spChg chg="mod">
          <ac:chgData name="Merve Turhan" userId="3594cd17-5953-4511-8d53-8cfc799250e7" providerId="ADAL" clId="{E225DE88-74CE-48ED-AC1F-DE1313954DC9}" dt="2022-05-19T14:00:04.045" v="4123" actId="790"/>
          <ac:spMkLst>
            <pc:docMk/>
            <pc:sldMk cId="1197839042" sldId="547"/>
            <ac:spMk id="29" creationId="{E0786F51-C5CB-4C5D-8AD3-9CD5D5927783}"/>
          </ac:spMkLst>
        </pc:spChg>
        <pc:spChg chg="mod">
          <ac:chgData name="Merve Turhan" userId="3594cd17-5953-4511-8d53-8cfc799250e7" providerId="ADAL" clId="{E225DE88-74CE-48ED-AC1F-DE1313954DC9}" dt="2022-05-19T14:00:04.045" v="4124" actId="790"/>
          <ac:spMkLst>
            <pc:docMk/>
            <pc:sldMk cId="1197839042" sldId="547"/>
            <ac:spMk id="30" creationId="{3FC9DE31-3087-4F90-9F18-C17EDFD5231B}"/>
          </ac:spMkLst>
        </pc:spChg>
      </pc:sldChg>
      <pc:sldChg chg="addSp modSp mod modAnim">
        <pc:chgData name="Merve Turhan" userId="3594cd17-5953-4511-8d53-8cfc799250e7" providerId="ADAL" clId="{E225DE88-74CE-48ED-AC1F-DE1313954DC9}" dt="2022-05-19T14:00:04.095" v="4190"/>
        <pc:sldMkLst>
          <pc:docMk/>
          <pc:sldMk cId="4154376622" sldId="548"/>
        </pc:sldMkLst>
        <pc:spChg chg="mod">
          <ac:chgData name="Merve Turhan" userId="3594cd17-5953-4511-8d53-8cfc799250e7" providerId="ADAL" clId="{E225DE88-74CE-48ED-AC1F-DE1313954DC9}" dt="2022-05-19T14:00:04.095" v="4188" actId="790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Turhan" userId="3594cd17-5953-4511-8d53-8cfc799250e7" providerId="ADAL" clId="{E225DE88-74CE-48ED-AC1F-DE1313954DC9}" dt="2022-05-19T14:00:04.095" v="4189"/>
          <ac:spMkLst>
            <pc:docMk/>
            <pc:sldMk cId="4154376622" sldId="548"/>
            <ac:spMk id="3" creationId="{751D7DC4-34BA-4C86-8CD6-95954A91B7AC}"/>
          </ac:spMkLst>
        </pc:spChg>
        <pc:spChg chg="add mod">
          <ac:chgData name="Merve Turhan" userId="3594cd17-5953-4511-8d53-8cfc799250e7" providerId="ADAL" clId="{E225DE88-74CE-48ED-AC1F-DE1313954DC9}" dt="2022-05-19T14:00:04.095" v="4190"/>
          <ac:spMkLst>
            <pc:docMk/>
            <pc:sldMk cId="4154376622" sldId="548"/>
            <ac:spMk id="5" creationId="{D71A2E24-37A3-46F0-8936-FB80080CDD30}"/>
          </ac:spMkLst>
        </pc:spChg>
        <pc:picChg chg="add mod">
          <ac:chgData name="Merve Turhan" userId="3594cd17-5953-4511-8d53-8cfc799250e7" providerId="ADAL" clId="{E225DE88-74CE-48ED-AC1F-DE1313954DC9}" dt="2022-05-19T06:38:00.226" v="2983" actId="1076"/>
          <ac:picMkLst>
            <pc:docMk/>
            <pc:sldMk cId="4154376622" sldId="548"/>
            <ac:picMk id="4" creationId="{46804C9B-2D39-432B-BF61-63944411B98C}"/>
          </ac:picMkLst>
        </pc:picChg>
      </pc:sldChg>
      <pc:sldChg chg="addSp delSp modSp mod modAnim">
        <pc:chgData name="Merve Turhan" userId="3594cd17-5953-4511-8d53-8cfc799250e7" providerId="ADAL" clId="{E225DE88-74CE-48ED-AC1F-DE1313954DC9}" dt="2022-05-19T14:00:04.005" v="4087"/>
        <pc:sldMkLst>
          <pc:docMk/>
          <pc:sldMk cId="3164656077" sldId="549"/>
        </pc:sldMkLst>
        <pc:spChg chg="mod">
          <ac:chgData name="Merve Turhan" userId="3594cd17-5953-4511-8d53-8cfc799250e7" providerId="ADAL" clId="{E225DE88-74CE-48ED-AC1F-DE1313954DC9}" dt="2022-05-19T14:00:03.989" v="4064" actId="790"/>
          <ac:spMkLst>
            <pc:docMk/>
            <pc:sldMk cId="3164656077" sldId="549"/>
            <ac:spMk id="2" creationId="{642BE25F-90A2-4B63-B1FD-2969EF539A0C}"/>
          </ac:spMkLst>
        </pc:spChg>
        <pc:spChg chg="mod">
          <ac:chgData name="Merve Turhan" userId="3594cd17-5953-4511-8d53-8cfc799250e7" providerId="ADAL" clId="{E225DE88-74CE-48ED-AC1F-DE1313954DC9}" dt="2022-05-19T14:00:03.989" v="4065"/>
          <ac:spMkLst>
            <pc:docMk/>
            <pc:sldMk cId="3164656077" sldId="549"/>
            <ac:spMk id="3" creationId="{33AE2E6A-76C6-4AA5-993A-A67B2C479625}"/>
          </ac:spMkLst>
        </pc:spChg>
        <pc:spChg chg="mod">
          <ac:chgData name="Merve Turhan" userId="3594cd17-5953-4511-8d53-8cfc799250e7" providerId="ADAL" clId="{E225DE88-74CE-48ED-AC1F-DE1313954DC9}" dt="2022-05-19T14:00:04.005" v="4086" actId="790"/>
          <ac:spMkLst>
            <pc:docMk/>
            <pc:sldMk cId="3164656077" sldId="549"/>
            <ac:spMk id="8" creationId="{D7968843-90AA-4CCC-A3FC-81442DFFB902}"/>
          </ac:spMkLst>
        </pc:spChg>
        <pc:spChg chg="mod">
          <ac:chgData name="Merve Turhan" userId="3594cd17-5953-4511-8d53-8cfc799250e7" providerId="ADAL" clId="{E225DE88-74CE-48ED-AC1F-DE1313954DC9}" dt="2022-05-19T14:00:03.989" v="4066" actId="790"/>
          <ac:spMkLst>
            <pc:docMk/>
            <pc:sldMk cId="3164656077" sldId="549"/>
            <ac:spMk id="18" creationId="{71CE2699-4ECC-41CE-AA28-2D6BA30BD1A9}"/>
          </ac:spMkLst>
        </pc:spChg>
        <pc:spChg chg="mod">
          <ac:chgData name="Merve Turhan" userId="3594cd17-5953-4511-8d53-8cfc799250e7" providerId="ADAL" clId="{E225DE88-74CE-48ED-AC1F-DE1313954DC9}" dt="2022-05-19T14:00:03.989" v="4067" actId="790"/>
          <ac:spMkLst>
            <pc:docMk/>
            <pc:sldMk cId="3164656077" sldId="549"/>
            <ac:spMk id="21" creationId="{07D6AFBC-F49C-411A-A91C-65520D5642D0}"/>
          </ac:spMkLst>
        </pc:spChg>
        <pc:spChg chg="mod">
          <ac:chgData name="Merve Turhan" userId="3594cd17-5953-4511-8d53-8cfc799250e7" providerId="ADAL" clId="{E225DE88-74CE-48ED-AC1F-DE1313954DC9}" dt="2022-05-19T14:00:03.989" v="4068" actId="790"/>
          <ac:spMkLst>
            <pc:docMk/>
            <pc:sldMk cId="3164656077" sldId="549"/>
            <ac:spMk id="22" creationId="{6361E886-AC66-4EAD-B6AF-935DE1412F5E}"/>
          </ac:spMkLst>
        </pc:spChg>
        <pc:spChg chg="mod">
          <ac:chgData name="Merve Turhan" userId="3594cd17-5953-4511-8d53-8cfc799250e7" providerId="ADAL" clId="{E225DE88-74CE-48ED-AC1F-DE1313954DC9}" dt="2022-05-19T14:00:03.989" v="4069" actId="790"/>
          <ac:spMkLst>
            <pc:docMk/>
            <pc:sldMk cId="3164656077" sldId="549"/>
            <ac:spMk id="23" creationId="{BD2E5D08-CD4D-4F1B-B8A6-39CE5883726F}"/>
          </ac:spMkLst>
        </pc:spChg>
        <pc:spChg chg="mod">
          <ac:chgData name="Merve Turhan" userId="3594cd17-5953-4511-8d53-8cfc799250e7" providerId="ADAL" clId="{E225DE88-74CE-48ED-AC1F-DE1313954DC9}" dt="2022-05-19T14:00:03.989" v="4070" actId="790"/>
          <ac:spMkLst>
            <pc:docMk/>
            <pc:sldMk cId="3164656077" sldId="549"/>
            <ac:spMk id="24" creationId="{58934B3F-E197-4A5D-9FC3-72AB3415E1C9}"/>
          </ac:spMkLst>
        </pc:spChg>
        <pc:spChg chg="mod">
          <ac:chgData name="Merve Turhan" userId="3594cd17-5953-4511-8d53-8cfc799250e7" providerId="ADAL" clId="{E225DE88-74CE-48ED-AC1F-DE1313954DC9}" dt="2022-05-19T14:00:03.989" v="4071" actId="790"/>
          <ac:spMkLst>
            <pc:docMk/>
            <pc:sldMk cId="3164656077" sldId="549"/>
            <ac:spMk id="25" creationId="{047A8605-E454-4B57-970B-61A51E9FB38D}"/>
          </ac:spMkLst>
        </pc:spChg>
        <pc:spChg chg="mod">
          <ac:chgData name="Merve Turhan" userId="3594cd17-5953-4511-8d53-8cfc799250e7" providerId="ADAL" clId="{E225DE88-74CE-48ED-AC1F-DE1313954DC9}" dt="2022-05-19T14:00:03.989" v="4072" actId="790"/>
          <ac:spMkLst>
            <pc:docMk/>
            <pc:sldMk cId="3164656077" sldId="549"/>
            <ac:spMk id="26" creationId="{B676D700-A799-47A6-B5C1-F9876EC52602}"/>
          </ac:spMkLst>
        </pc:spChg>
        <pc:spChg chg="mod">
          <ac:chgData name="Merve Turhan" userId="3594cd17-5953-4511-8d53-8cfc799250e7" providerId="ADAL" clId="{E225DE88-74CE-48ED-AC1F-DE1313954DC9}" dt="2022-05-19T14:00:03.989" v="4073" actId="790"/>
          <ac:spMkLst>
            <pc:docMk/>
            <pc:sldMk cId="3164656077" sldId="549"/>
            <ac:spMk id="27" creationId="{CBC724FA-5100-4D5E-9174-405031E05D71}"/>
          </ac:spMkLst>
        </pc:spChg>
        <pc:spChg chg="mod">
          <ac:chgData name="Merve Turhan" userId="3594cd17-5953-4511-8d53-8cfc799250e7" providerId="ADAL" clId="{E225DE88-74CE-48ED-AC1F-DE1313954DC9}" dt="2022-05-19T14:00:03.989" v="4074" actId="790"/>
          <ac:spMkLst>
            <pc:docMk/>
            <pc:sldMk cId="3164656077" sldId="549"/>
            <ac:spMk id="28" creationId="{71E332D0-D9A6-415A-AF54-107C9CC5CE3C}"/>
          </ac:spMkLst>
        </pc:spChg>
        <pc:spChg chg="mod">
          <ac:chgData name="Merve Turhan" userId="3594cd17-5953-4511-8d53-8cfc799250e7" providerId="ADAL" clId="{E225DE88-74CE-48ED-AC1F-DE1313954DC9}" dt="2022-05-19T14:00:03.989" v="4075" actId="790"/>
          <ac:spMkLst>
            <pc:docMk/>
            <pc:sldMk cId="3164656077" sldId="549"/>
            <ac:spMk id="29" creationId="{1A17688C-09D5-45A5-9806-0B4DF402BE2E}"/>
          </ac:spMkLst>
        </pc:spChg>
        <pc:spChg chg="mod">
          <ac:chgData name="Merve Turhan" userId="3594cd17-5953-4511-8d53-8cfc799250e7" providerId="ADAL" clId="{E225DE88-74CE-48ED-AC1F-DE1313954DC9}" dt="2022-05-19T14:00:03.989" v="4076" actId="790"/>
          <ac:spMkLst>
            <pc:docMk/>
            <pc:sldMk cId="3164656077" sldId="549"/>
            <ac:spMk id="30" creationId="{20735F0A-D1A7-4F29-A196-AF803849A4C7}"/>
          </ac:spMkLst>
        </pc:spChg>
        <pc:spChg chg="mod">
          <ac:chgData name="Merve Turhan" userId="3594cd17-5953-4511-8d53-8cfc799250e7" providerId="ADAL" clId="{E225DE88-74CE-48ED-AC1F-DE1313954DC9}" dt="2022-05-19T14:00:03.989" v="4077" actId="790"/>
          <ac:spMkLst>
            <pc:docMk/>
            <pc:sldMk cId="3164656077" sldId="549"/>
            <ac:spMk id="31" creationId="{A2A620DC-7AA1-4B83-9AA9-FE46BD28A6EB}"/>
          </ac:spMkLst>
        </pc:spChg>
        <pc:spChg chg="mod">
          <ac:chgData name="Merve Turhan" userId="3594cd17-5953-4511-8d53-8cfc799250e7" providerId="ADAL" clId="{E225DE88-74CE-48ED-AC1F-DE1313954DC9}" dt="2022-05-19T14:00:03.989" v="4078" actId="790"/>
          <ac:spMkLst>
            <pc:docMk/>
            <pc:sldMk cId="3164656077" sldId="549"/>
            <ac:spMk id="32" creationId="{A7EB3418-411A-4399-90FA-E1C8CAAE2741}"/>
          </ac:spMkLst>
        </pc:spChg>
        <pc:spChg chg="mod">
          <ac:chgData name="Merve Turhan" userId="3594cd17-5953-4511-8d53-8cfc799250e7" providerId="ADAL" clId="{E225DE88-74CE-48ED-AC1F-DE1313954DC9}" dt="2022-05-19T14:00:04.005" v="4079" actId="790"/>
          <ac:spMkLst>
            <pc:docMk/>
            <pc:sldMk cId="3164656077" sldId="549"/>
            <ac:spMk id="33" creationId="{7E404767-5561-4294-8F33-431AD4E4083E}"/>
          </ac:spMkLst>
        </pc:spChg>
        <pc:spChg chg="mod">
          <ac:chgData name="Merve Turhan" userId="3594cd17-5953-4511-8d53-8cfc799250e7" providerId="ADAL" clId="{E225DE88-74CE-48ED-AC1F-DE1313954DC9}" dt="2022-05-19T14:00:04.005" v="4080" actId="790"/>
          <ac:spMkLst>
            <pc:docMk/>
            <pc:sldMk cId="3164656077" sldId="549"/>
            <ac:spMk id="34" creationId="{337C8850-EB4A-4629-8C7F-44A3F92584ED}"/>
          </ac:spMkLst>
        </pc:spChg>
        <pc:spChg chg="mod">
          <ac:chgData name="Merve Turhan" userId="3594cd17-5953-4511-8d53-8cfc799250e7" providerId="ADAL" clId="{E225DE88-74CE-48ED-AC1F-DE1313954DC9}" dt="2022-05-19T14:00:04.005" v="4081" actId="790"/>
          <ac:spMkLst>
            <pc:docMk/>
            <pc:sldMk cId="3164656077" sldId="549"/>
            <ac:spMk id="35" creationId="{CCC46904-0EFA-4783-9970-621C3BD32ADA}"/>
          </ac:spMkLst>
        </pc:spChg>
        <pc:spChg chg="mod">
          <ac:chgData name="Merve Turhan" userId="3594cd17-5953-4511-8d53-8cfc799250e7" providerId="ADAL" clId="{E225DE88-74CE-48ED-AC1F-DE1313954DC9}" dt="2022-05-19T14:00:04.005" v="4082" actId="790"/>
          <ac:spMkLst>
            <pc:docMk/>
            <pc:sldMk cId="3164656077" sldId="549"/>
            <ac:spMk id="36" creationId="{777727CA-E34A-49D2-9DFA-08DB2C6CCCDA}"/>
          </ac:spMkLst>
        </pc:spChg>
        <pc:spChg chg="mod">
          <ac:chgData name="Merve Turhan" userId="3594cd17-5953-4511-8d53-8cfc799250e7" providerId="ADAL" clId="{E225DE88-74CE-48ED-AC1F-DE1313954DC9}" dt="2022-05-19T14:00:04.005" v="4083" actId="790"/>
          <ac:spMkLst>
            <pc:docMk/>
            <pc:sldMk cId="3164656077" sldId="549"/>
            <ac:spMk id="37" creationId="{C941B8DE-8B6A-44DB-805D-78A182BE5B87}"/>
          </ac:spMkLst>
        </pc:spChg>
        <pc:spChg chg="mod">
          <ac:chgData name="Merve Turhan" userId="3594cd17-5953-4511-8d53-8cfc799250e7" providerId="ADAL" clId="{E225DE88-74CE-48ED-AC1F-DE1313954DC9}" dt="2022-05-19T14:00:04.005" v="4084" actId="790"/>
          <ac:spMkLst>
            <pc:docMk/>
            <pc:sldMk cId="3164656077" sldId="549"/>
            <ac:spMk id="38" creationId="{276A1AC9-1F5A-4C7F-BA74-3D6A67EBC8EB}"/>
          </ac:spMkLst>
        </pc:spChg>
        <pc:spChg chg="mod">
          <ac:chgData name="Merve Turhan" userId="3594cd17-5953-4511-8d53-8cfc799250e7" providerId="ADAL" clId="{E225DE88-74CE-48ED-AC1F-DE1313954DC9}" dt="2022-05-19T14:00:04.005" v="4085" actId="790"/>
          <ac:spMkLst>
            <pc:docMk/>
            <pc:sldMk cId="3164656077" sldId="549"/>
            <ac:spMk id="39" creationId="{5E0FCE99-8E76-4B6E-B68D-A8200DCBBA8E}"/>
          </ac:spMkLst>
        </pc:spChg>
        <pc:spChg chg="add del mod">
          <ac:chgData name="Merve Turhan" userId="3594cd17-5953-4511-8d53-8cfc799250e7" providerId="ADAL" clId="{E225DE88-74CE-48ED-AC1F-DE1313954DC9}" dt="2022-05-19T14:00:04.005" v="4087"/>
          <ac:spMkLst>
            <pc:docMk/>
            <pc:sldMk cId="3164656077" sldId="549"/>
            <ac:spMk id="40" creationId="{9EB7C1FE-268A-4161-ABF1-3079E0F9AEC0}"/>
          </ac:spMkLst>
        </pc:spChg>
      </pc:sldChg>
      <pc:sldChg chg="modSp del mod">
        <pc:chgData name="Merve Turhan" userId="3594cd17-5953-4511-8d53-8cfc799250e7" providerId="ADAL" clId="{E225DE88-74CE-48ED-AC1F-DE1313954DC9}" dt="2022-05-18T21:37:10.346" v="2605" actId="47"/>
        <pc:sldMkLst>
          <pc:docMk/>
          <pc:sldMk cId="308072778" sldId="550"/>
        </pc:sldMkLst>
        <pc:spChg chg="mod">
          <ac:chgData name="Merve Turhan" userId="3594cd17-5953-4511-8d53-8cfc799250e7" providerId="ADAL" clId="{E225DE88-74CE-48ED-AC1F-DE1313954DC9}" dt="2022-05-17T18:09:30.502" v="923" actId="790"/>
          <ac:spMkLst>
            <pc:docMk/>
            <pc:sldMk cId="308072778" sldId="550"/>
            <ac:spMk id="2" creationId="{EE7A94D2-1978-40C1-8789-9BB226814F57}"/>
          </ac:spMkLst>
        </pc:spChg>
      </pc:sldChg>
      <pc:sldChg chg="modSp del mod">
        <pc:chgData name="Merve Turhan" userId="3594cd17-5953-4511-8d53-8cfc799250e7" providerId="ADAL" clId="{E225DE88-74CE-48ED-AC1F-DE1313954DC9}" dt="2022-05-18T21:37:12.329" v="2606" actId="47"/>
        <pc:sldMkLst>
          <pc:docMk/>
          <pc:sldMk cId="2077603358" sldId="551"/>
        </pc:sldMkLst>
        <pc:spChg chg="mod">
          <ac:chgData name="Merve Turhan" userId="3594cd17-5953-4511-8d53-8cfc799250e7" providerId="ADAL" clId="{E225DE88-74CE-48ED-AC1F-DE1313954DC9}" dt="2022-05-17T18:09:30.502" v="924" actId="790"/>
          <ac:spMkLst>
            <pc:docMk/>
            <pc:sldMk cId="2077603358" sldId="551"/>
            <ac:spMk id="2" creationId="{EE7A94D2-1978-40C1-8789-9BB226814F57}"/>
          </ac:spMkLst>
        </pc:spChg>
      </pc:sldChg>
      <pc:sldChg chg="addSp delSp modSp mod modAnim">
        <pc:chgData name="Merve Turhan" userId="3594cd17-5953-4511-8d53-8cfc799250e7" providerId="ADAL" clId="{E225DE88-74CE-48ED-AC1F-DE1313954DC9}" dt="2022-05-19T14:00:04.085" v="4184"/>
        <pc:sldMkLst>
          <pc:docMk/>
          <pc:sldMk cId="1324455309" sldId="552"/>
        </pc:sldMkLst>
        <pc:spChg chg="mod">
          <ac:chgData name="Merve Turhan" userId="3594cd17-5953-4511-8d53-8cfc799250e7" providerId="ADAL" clId="{E225DE88-74CE-48ED-AC1F-DE1313954DC9}" dt="2022-05-19T14:00:04.085" v="4180" actId="790"/>
          <ac:spMkLst>
            <pc:docMk/>
            <pc:sldMk cId="1324455309" sldId="552"/>
            <ac:spMk id="2" creationId="{5552E3F4-9A06-4671-B090-DF3C6F71903B}"/>
          </ac:spMkLst>
        </pc:spChg>
        <pc:spChg chg="add mod">
          <ac:chgData name="Merve Turhan" userId="3594cd17-5953-4511-8d53-8cfc799250e7" providerId="ADAL" clId="{E225DE88-74CE-48ED-AC1F-DE1313954DC9}" dt="2022-05-19T14:00:04.085" v="4184"/>
          <ac:spMkLst>
            <pc:docMk/>
            <pc:sldMk cId="1324455309" sldId="552"/>
            <ac:spMk id="7" creationId="{C91585DB-F45C-4214-BA01-B877F35EFEB6}"/>
          </ac:spMkLst>
        </pc:spChg>
        <pc:spChg chg="mod">
          <ac:chgData name="Merve Turhan" userId="3594cd17-5953-4511-8d53-8cfc799250e7" providerId="ADAL" clId="{E225DE88-74CE-48ED-AC1F-DE1313954DC9}" dt="2022-05-19T14:00:04.085" v="4181" actId="790"/>
          <ac:spMkLst>
            <pc:docMk/>
            <pc:sldMk cId="1324455309" sldId="552"/>
            <ac:spMk id="8" creationId="{527C700A-4427-45BF-BCA3-9176F794F772}"/>
          </ac:spMkLst>
        </pc:spChg>
        <pc:spChg chg="mod">
          <ac:chgData name="Merve Turhan" userId="3594cd17-5953-4511-8d53-8cfc799250e7" providerId="ADAL" clId="{E225DE88-74CE-48ED-AC1F-DE1313954DC9}" dt="2022-05-19T14:00:04.085" v="4182" actId="790"/>
          <ac:spMkLst>
            <pc:docMk/>
            <pc:sldMk cId="1324455309" sldId="552"/>
            <ac:spMk id="9" creationId="{F00BFEF7-5DFD-451D-9269-8E7C403BE6BF}"/>
          </ac:spMkLst>
        </pc:spChg>
        <pc:spChg chg="mod">
          <ac:chgData name="Merve Turhan" userId="3594cd17-5953-4511-8d53-8cfc799250e7" providerId="ADAL" clId="{E225DE88-74CE-48ED-AC1F-DE1313954DC9}" dt="2022-05-19T14:00:04.085" v="4183" actId="790"/>
          <ac:spMkLst>
            <pc:docMk/>
            <pc:sldMk cId="1324455309" sldId="552"/>
            <ac:spMk id="10" creationId="{1D460873-C4BB-460A-B3FC-A6A7EFBF0BA0}"/>
          </ac:spMkLst>
        </pc:spChg>
        <pc:picChg chg="add mod">
          <ac:chgData name="Merve Turhan" userId="3594cd17-5953-4511-8d53-8cfc799250e7" providerId="ADAL" clId="{E225DE88-74CE-48ED-AC1F-DE1313954DC9}" dt="2022-05-18T21:34:32.311" v="2601" actId="1076"/>
          <ac:picMkLst>
            <pc:docMk/>
            <pc:sldMk cId="1324455309" sldId="552"/>
            <ac:picMk id="4" creationId="{A078B9FD-AA64-431B-9946-EE2E51D650D8}"/>
          </ac:picMkLst>
        </pc:picChg>
        <pc:picChg chg="del">
          <ac:chgData name="Merve Turhan" userId="3594cd17-5953-4511-8d53-8cfc799250e7" providerId="ADAL" clId="{E225DE88-74CE-48ED-AC1F-DE1313954DC9}" dt="2022-05-18T21:32:57.490" v="2575" actId="478"/>
          <ac:picMkLst>
            <pc:docMk/>
            <pc:sldMk cId="1324455309" sldId="552"/>
            <ac:picMk id="7" creationId="{CE509DD8-DABB-4ABF-9570-8B41232C903F}"/>
          </ac:picMkLst>
        </pc:picChg>
      </pc:sldChg>
      <pc:sldChg chg="modSp mod">
        <pc:chgData name="Merve Turhan" userId="3594cd17-5953-4511-8d53-8cfc799250e7" providerId="ADAL" clId="{E225DE88-74CE-48ED-AC1F-DE1313954DC9}" dt="2022-05-19T14:00:04.075" v="4172"/>
        <pc:sldMkLst>
          <pc:docMk/>
          <pc:sldMk cId="398449080" sldId="553"/>
        </pc:sldMkLst>
        <pc:spChg chg="mod">
          <ac:chgData name="Merve Turhan" userId="3594cd17-5953-4511-8d53-8cfc799250e7" providerId="ADAL" clId="{E225DE88-74CE-48ED-AC1F-DE1313954DC9}" dt="2022-05-19T14:00:04.075" v="4170" actId="790"/>
          <ac:spMkLst>
            <pc:docMk/>
            <pc:sldMk cId="398449080" sldId="553"/>
            <ac:spMk id="2" creationId="{5552E3F4-9A06-4671-B090-DF3C6F71903B}"/>
          </ac:spMkLst>
        </pc:spChg>
        <pc:spChg chg="mod">
          <ac:chgData name="Merve Turhan" userId="3594cd17-5953-4511-8d53-8cfc799250e7" providerId="ADAL" clId="{E225DE88-74CE-48ED-AC1F-DE1313954DC9}" dt="2022-05-19T14:00:04.075" v="4171" actId="790"/>
          <ac:spMkLst>
            <pc:docMk/>
            <pc:sldMk cId="398449080" sldId="553"/>
            <ac:spMk id="11" creationId="{40DF9E16-FDDF-4F36-92F7-2C33F6D7DA15}"/>
          </ac:spMkLst>
        </pc:spChg>
        <pc:spChg chg="mod">
          <ac:chgData name="Merve Turhan" userId="3594cd17-5953-4511-8d53-8cfc799250e7" providerId="ADAL" clId="{E225DE88-74CE-48ED-AC1F-DE1313954DC9}" dt="2022-05-19T14:00:04.075" v="4172"/>
          <ac:spMkLst>
            <pc:docMk/>
            <pc:sldMk cId="398449080" sldId="553"/>
            <ac:spMk id="12" creationId="{D643F25B-8492-4DBB-97E5-26AEE18BC390}"/>
          </ac:spMkLst>
        </pc:spChg>
      </pc:sldChg>
      <pc:sldChg chg="addSp delSp modSp mod modAnim">
        <pc:chgData name="Merve Turhan" userId="3594cd17-5953-4511-8d53-8cfc799250e7" providerId="ADAL" clId="{E225DE88-74CE-48ED-AC1F-DE1313954DC9}" dt="2022-05-19T14:00:04.065" v="4163"/>
        <pc:sldMkLst>
          <pc:docMk/>
          <pc:sldMk cId="67517722" sldId="555"/>
        </pc:sldMkLst>
        <pc:spChg chg="mod">
          <ac:chgData name="Merve Turhan" userId="3594cd17-5953-4511-8d53-8cfc799250e7" providerId="ADAL" clId="{E225DE88-74CE-48ED-AC1F-DE1313954DC9}" dt="2022-05-19T14:00:04.055" v="4145" actId="790"/>
          <ac:spMkLst>
            <pc:docMk/>
            <pc:sldMk cId="67517722" sldId="555"/>
            <ac:spMk id="2" creationId="{769D6A69-CA26-4F52-AC72-6E3BAB115F6E}"/>
          </ac:spMkLst>
        </pc:spChg>
        <pc:spChg chg="mod">
          <ac:chgData name="Merve Turhan" userId="3594cd17-5953-4511-8d53-8cfc799250e7" providerId="ADAL" clId="{E225DE88-74CE-48ED-AC1F-DE1313954DC9}" dt="2022-05-19T14:00:04.055" v="4146"/>
          <ac:spMkLst>
            <pc:docMk/>
            <pc:sldMk cId="67517722" sldId="555"/>
            <ac:spMk id="3" creationId="{564CE5E3-F3B4-4237-88B0-E6459D52AB6F}"/>
          </ac:spMkLst>
        </pc:spChg>
        <pc:spChg chg="add del">
          <ac:chgData name="Merve Turhan" userId="3594cd17-5953-4511-8d53-8cfc799250e7" providerId="ADAL" clId="{E225DE88-74CE-48ED-AC1F-DE1313954DC9}" dt="2022-05-17T21:13:12.163" v="1972" actId="478"/>
          <ac:spMkLst>
            <pc:docMk/>
            <pc:sldMk cId="67517722" sldId="555"/>
            <ac:spMk id="4" creationId="{4C03C777-87EF-4EF9-92F8-1161D566AFC1}"/>
          </ac:spMkLst>
        </pc:spChg>
        <pc:spChg chg="mod">
          <ac:chgData name="Merve Turhan" userId="3594cd17-5953-4511-8d53-8cfc799250e7" providerId="ADAL" clId="{E225DE88-74CE-48ED-AC1F-DE1313954DC9}" dt="2022-05-19T14:00:04.063" v="4147" actId="790"/>
          <ac:spMkLst>
            <pc:docMk/>
            <pc:sldMk cId="67517722" sldId="555"/>
            <ac:spMk id="11" creationId="{08333086-DF1F-449D-AE6F-51118ED5ADB5}"/>
          </ac:spMkLst>
        </pc:spChg>
        <pc:spChg chg="add mod">
          <ac:chgData name="Merve Turhan" userId="3594cd17-5953-4511-8d53-8cfc799250e7" providerId="ADAL" clId="{E225DE88-74CE-48ED-AC1F-DE1313954DC9}" dt="2022-05-19T14:00:04.065" v="4163"/>
          <ac:spMkLst>
            <pc:docMk/>
            <pc:sldMk cId="67517722" sldId="555"/>
            <ac:spMk id="21" creationId="{B11FD6D4-83E3-449A-97FF-2638EA9365C2}"/>
          </ac:spMkLst>
        </pc:spChg>
        <pc:spChg chg="mod">
          <ac:chgData name="Merve Turhan" userId="3594cd17-5953-4511-8d53-8cfc799250e7" providerId="ADAL" clId="{E225DE88-74CE-48ED-AC1F-DE1313954DC9}" dt="2022-05-19T14:00:04.063" v="4148"/>
          <ac:spMkLst>
            <pc:docMk/>
            <pc:sldMk cId="67517722" sldId="555"/>
            <ac:spMk id="116" creationId="{852D2894-CE12-44CA-8CAF-6DB7E2ADE4E6}"/>
          </ac:spMkLst>
        </pc:spChg>
        <pc:spChg chg="mod">
          <ac:chgData name="Merve Turhan" userId="3594cd17-5953-4511-8d53-8cfc799250e7" providerId="ADAL" clId="{E225DE88-74CE-48ED-AC1F-DE1313954DC9}" dt="2022-05-19T14:00:04.063" v="4149"/>
          <ac:spMkLst>
            <pc:docMk/>
            <pc:sldMk cId="67517722" sldId="555"/>
            <ac:spMk id="117" creationId="{B962B91E-888E-428D-BCC9-B03C4B0B6CB8}"/>
          </ac:spMkLst>
        </pc:spChg>
        <pc:spChg chg="mod">
          <ac:chgData name="Merve Turhan" userId="3594cd17-5953-4511-8d53-8cfc799250e7" providerId="ADAL" clId="{E225DE88-74CE-48ED-AC1F-DE1313954DC9}" dt="2022-05-19T14:00:04.063" v="4150"/>
          <ac:spMkLst>
            <pc:docMk/>
            <pc:sldMk cId="67517722" sldId="555"/>
            <ac:spMk id="118" creationId="{94AED1F7-F1CB-4958-B589-43A8E466F2BB}"/>
          </ac:spMkLst>
        </pc:spChg>
        <pc:spChg chg="mod">
          <ac:chgData name="Merve Turhan" userId="3594cd17-5953-4511-8d53-8cfc799250e7" providerId="ADAL" clId="{E225DE88-74CE-48ED-AC1F-DE1313954DC9}" dt="2022-05-19T14:00:04.063" v="4151"/>
          <ac:spMkLst>
            <pc:docMk/>
            <pc:sldMk cId="67517722" sldId="555"/>
            <ac:spMk id="119" creationId="{FC97681C-D28C-469D-8FED-81B155AEF668}"/>
          </ac:spMkLst>
        </pc:spChg>
        <pc:spChg chg="mod">
          <ac:chgData name="Merve Turhan" userId="3594cd17-5953-4511-8d53-8cfc799250e7" providerId="ADAL" clId="{E225DE88-74CE-48ED-AC1F-DE1313954DC9}" dt="2022-05-19T14:00:04.063" v="4152"/>
          <ac:spMkLst>
            <pc:docMk/>
            <pc:sldMk cId="67517722" sldId="555"/>
            <ac:spMk id="120" creationId="{93B3C59D-215D-4D5A-8F58-638672C1D726}"/>
          </ac:spMkLst>
        </pc:spChg>
        <pc:spChg chg="mod">
          <ac:chgData name="Merve Turhan" userId="3594cd17-5953-4511-8d53-8cfc799250e7" providerId="ADAL" clId="{E225DE88-74CE-48ED-AC1F-DE1313954DC9}" dt="2022-05-19T14:00:04.065" v="4153"/>
          <ac:spMkLst>
            <pc:docMk/>
            <pc:sldMk cId="67517722" sldId="555"/>
            <ac:spMk id="121" creationId="{B2553CE3-7CDB-4E68-87B2-B5F94D403289}"/>
          </ac:spMkLst>
        </pc:spChg>
        <pc:spChg chg="mod">
          <ac:chgData name="Merve Turhan" userId="3594cd17-5953-4511-8d53-8cfc799250e7" providerId="ADAL" clId="{E225DE88-74CE-48ED-AC1F-DE1313954DC9}" dt="2022-05-19T14:00:04.065" v="4154"/>
          <ac:spMkLst>
            <pc:docMk/>
            <pc:sldMk cId="67517722" sldId="555"/>
            <ac:spMk id="122" creationId="{C598E41E-C5EE-474D-876E-E8E8230F59EB}"/>
          </ac:spMkLst>
        </pc:spChg>
        <pc:spChg chg="mod">
          <ac:chgData name="Merve Turhan" userId="3594cd17-5953-4511-8d53-8cfc799250e7" providerId="ADAL" clId="{E225DE88-74CE-48ED-AC1F-DE1313954DC9}" dt="2022-05-19T14:00:04.065" v="4155"/>
          <ac:spMkLst>
            <pc:docMk/>
            <pc:sldMk cId="67517722" sldId="555"/>
            <ac:spMk id="123" creationId="{8394D255-3979-450C-9487-07B7A3D3BD00}"/>
          </ac:spMkLst>
        </pc:spChg>
        <pc:spChg chg="mod">
          <ac:chgData name="Merve Turhan" userId="3594cd17-5953-4511-8d53-8cfc799250e7" providerId="ADAL" clId="{E225DE88-74CE-48ED-AC1F-DE1313954DC9}" dt="2022-05-19T14:00:04.065" v="4156"/>
          <ac:spMkLst>
            <pc:docMk/>
            <pc:sldMk cId="67517722" sldId="555"/>
            <ac:spMk id="124" creationId="{621FD6B4-CA3B-42DC-B082-E09826B22CBA}"/>
          </ac:spMkLst>
        </pc:spChg>
        <pc:spChg chg="mod">
          <ac:chgData name="Merve Turhan" userId="3594cd17-5953-4511-8d53-8cfc799250e7" providerId="ADAL" clId="{E225DE88-74CE-48ED-AC1F-DE1313954DC9}" dt="2022-05-19T14:00:04.065" v="4157"/>
          <ac:spMkLst>
            <pc:docMk/>
            <pc:sldMk cId="67517722" sldId="555"/>
            <ac:spMk id="125" creationId="{9992CCCD-743C-410D-B57A-A72B7A6041A9}"/>
          </ac:spMkLst>
        </pc:spChg>
        <pc:spChg chg="mod">
          <ac:chgData name="Merve Turhan" userId="3594cd17-5953-4511-8d53-8cfc799250e7" providerId="ADAL" clId="{E225DE88-74CE-48ED-AC1F-DE1313954DC9}" dt="2022-05-19T14:00:04.065" v="4158"/>
          <ac:spMkLst>
            <pc:docMk/>
            <pc:sldMk cId="67517722" sldId="555"/>
            <ac:spMk id="126" creationId="{797678B3-76B1-44A7-B6DA-07BD28DF7F12}"/>
          </ac:spMkLst>
        </pc:spChg>
        <pc:spChg chg="mod">
          <ac:chgData name="Merve Turhan" userId="3594cd17-5953-4511-8d53-8cfc799250e7" providerId="ADAL" clId="{E225DE88-74CE-48ED-AC1F-DE1313954DC9}" dt="2022-05-19T14:00:04.065" v="4159"/>
          <ac:spMkLst>
            <pc:docMk/>
            <pc:sldMk cId="67517722" sldId="555"/>
            <ac:spMk id="127" creationId="{E8A25E2B-5545-4933-A5A7-63DBC7242A22}"/>
          </ac:spMkLst>
        </pc:spChg>
        <pc:spChg chg="mod">
          <ac:chgData name="Merve Turhan" userId="3594cd17-5953-4511-8d53-8cfc799250e7" providerId="ADAL" clId="{E225DE88-74CE-48ED-AC1F-DE1313954DC9}" dt="2022-05-19T14:00:04.065" v="4160"/>
          <ac:spMkLst>
            <pc:docMk/>
            <pc:sldMk cId="67517722" sldId="555"/>
            <ac:spMk id="128" creationId="{182ADB63-1B54-4A63-9C92-B534D1904538}"/>
          </ac:spMkLst>
        </pc:spChg>
        <pc:spChg chg="mod">
          <ac:chgData name="Merve Turhan" userId="3594cd17-5953-4511-8d53-8cfc799250e7" providerId="ADAL" clId="{E225DE88-74CE-48ED-AC1F-DE1313954DC9}" dt="2022-05-19T14:00:04.065" v="4161"/>
          <ac:spMkLst>
            <pc:docMk/>
            <pc:sldMk cId="67517722" sldId="555"/>
            <ac:spMk id="129" creationId="{E7E7FA09-E2FB-47AA-9BE7-30F7E9340752}"/>
          </ac:spMkLst>
        </pc:spChg>
        <pc:spChg chg="mod">
          <ac:chgData name="Merve Turhan" userId="3594cd17-5953-4511-8d53-8cfc799250e7" providerId="ADAL" clId="{E225DE88-74CE-48ED-AC1F-DE1313954DC9}" dt="2022-05-19T14:00:04.065" v="4162"/>
          <ac:spMkLst>
            <pc:docMk/>
            <pc:sldMk cId="67517722" sldId="555"/>
            <ac:spMk id="130" creationId="{0F4F0CEC-373E-4C53-AC94-BAB1ECB8C185}"/>
          </ac:spMkLst>
        </pc:spChg>
      </pc:sldChg>
      <pc:sldChg chg="modSp mod">
        <pc:chgData name="Merve Turhan" userId="3594cd17-5953-4511-8d53-8cfc799250e7" providerId="ADAL" clId="{E225DE88-74CE-48ED-AC1F-DE1313954DC9}" dt="2022-05-19T14:00:04.055" v="4144" actId="790"/>
        <pc:sldMkLst>
          <pc:docMk/>
          <pc:sldMk cId="1802882348" sldId="556"/>
        </pc:sldMkLst>
        <pc:spChg chg="mod">
          <ac:chgData name="Merve Turhan" userId="3594cd17-5953-4511-8d53-8cfc799250e7" providerId="ADAL" clId="{E225DE88-74CE-48ED-AC1F-DE1313954DC9}" dt="2022-05-19T14:00:04.045" v="4125" actId="790"/>
          <ac:spMkLst>
            <pc:docMk/>
            <pc:sldMk cId="1802882348" sldId="556"/>
            <ac:spMk id="2" creationId="{289C855B-B271-4DF3-A130-29257A8C7D01}"/>
          </ac:spMkLst>
        </pc:spChg>
        <pc:spChg chg="mod">
          <ac:chgData name="Merve Turhan" userId="3594cd17-5953-4511-8d53-8cfc799250e7" providerId="ADAL" clId="{E225DE88-74CE-48ED-AC1F-DE1313954DC9}" dt="2022-05-19T14:00:04.045" v="4126" actId="790"/>
          <ac:spMkLst>
            <pc:docMk/>
            <pc:sldMk cId="1802882348" sldId="556"/>
            <ac:spMk id="4" creationId="{03C9D7BB-EE49-40C4-9F39-1E4B990A0F05}"/>
          </ac:spMkLst>
        </pc:spChg>
        <pc:spChg chg="mod">
          <ac:chgData name="Merve Turhan" userId="3594cd17-5953-4511-8d53-8cfc799250e7" providerId="ADAL" clId="{E225DE88-74CE-48ED-AC1F-DE1313954DC9}" dt="2022-05-19T14:00:04.045" v="4127" actId="790"/>
          <ac:spMkLst>
            <pc:docMk/>
            <pc:sldMk cId="1802882348" sldId="556"/>
            <ac:spMk id="5" creationId="{F5C9720B-ACA4-4690-969C-24B745248E66}"/>
          </ac:spMkLst>
        </pc:spChg>
        <pc:spChg chg="mod">
          <ac:chgData name="Merve Turhan" userId="3594cd17-5953-4511-8d53-8cfc799250e7" providerId="ADAL" clId="{E225DE88-74CE-48ED-AC1F-DE1313954DC9}" dt="2022-05-19T14:00:04.045" v="4128" actId="790"/>
          <ac:spMkLst>
            <pc:docMk/>
            <pc:sldMk cId="1802882348" sldId="556"/>
            <ac:spMk id="6" creationId="{B36DC3CB-E6EA-43F0-B3B8-2065BD952D4F}"/>
          </ac:spMkLst>
        </pc:spChg>
        <pc:spChg chg="mod">
          <ac:chgData name="Merve Turhan" userId="3594cd17-5953-4511-8d53-8cfc799250e7" providerId="ADAL" clId="{E225DE88-74CE-48ED-AC1F-DE1313954DC9}" dt="2022-05-19T14:00:04.045" v="4129" actId="790"/>
          <ac:spMkLst>
            <pc:docMk/>
            <pc:sldMk cId="1802882348" sldId="556"/>
            <ac:spMk id="7" creationId="{837A25A2-878E-4176-8B82-809453F996A4}"/>
          </ac:spMkLst>
        </pc:spChg>
        <pc:spChg chg="mod">
          <ac:chgData name="Merve Turhan" userId="3594cd17-5953-4511-8d53-8cfc799250e7" providerId="ADAL" clId="{E225DE88-74CE-48ED-AC1F-DE1313954DC9}" dt="2022-05-19T14:00:04.045" v="4130" actId="790"/>
          <ac:spMkLst>
            <pc:docMk/>
            <pc:sldMk cId="1802882348" sldId="556"/>
            <ac:spMk id="8" creationId="{900D739E-BE64-442D-BD47-E0918F987016}"/>
          </ac:spMkLst>
        </pc:spChg>
        <pc:spChg chg="mod">
          <ac:chgData name="Merve Turhan" userId="3594cd17-5953-4511-8d53-8cfc799250e7" providerId="ADAL" clId="{E225DE88-74CE-48ED-AC1F-DE1313954DC9}" dt="2022-05-19T14:00:04.045" v="4131" actId="790"/>
          <ac:spMkLst>
            <pc:docMk/>
            <pc:sldMk cId="1802882348" sldId="556"/>
            <ac:spMk id="9" creationId="{00CF3216-0CA0-4936-9265-49D25103ECDC}"/>
          </ac:spMkLst>
        </pc:spChg>
        <pc:spChg chg="mod">
          <ac:chgData name="Merve Turhan" userId="3594cd17-5953-4511-8d53-8cfc799250e7" providerId="ADAL" clId="{E225DE88-74CE-48ED-AC1F-DE1313954DC9}" dt="2022-05-19T14:00:04.045" v="4132" actId="790"/>
          <ac:spMkLst>
            <pc:docMk/>
            <pc:sldMk cId="1802882348" sldId="556"/>
            <ac:spMk id="10" creationId="{0DD731A1-8A9E-466D-8BDD-EBC1FCE77ABA}"/>
          </ac:spMkLst>
        </pc:spChg>
        <pc:spChg chg="mod">
          <ac:chgData name="Merve Turhan" userId="3594cd17-5953-4511-8d53-8cfc799250e7" providerId="ADAL" clId="{E225DE88-74CE-48ED-AC1F-DE1313954DC9}" dt="2022-05-19T14:00:04.053" v="4133" actId="790"/>
          <ac:spMkLst>
            <pc:docMk/>
            <pc:sldMk cId="1802882348" sldId="556"/>
            <ac:spMk id="11" creationId="{E4BAF583-060F-4371-ABC6-969E1EA0C018}"/>
          </ac:spMkLst>
        </pc:spChg>
        <pc:spChg chg="mod">
          <ac:chgData name="Merve Turhan" userId="3594cd17-5953-4511-8d53-8cfc799250e7" providerId="ADAL" clId="{E225DE88-74CE-48ED-AC1F-DE1313954DC9}" dt="2022-05-19T14:00:04.053" v="4134" actId="790"/>
          <ac:spMkLst>
            <pc:docMk/>
            <pc:sldMk cId="1802882348" sldId="556"/>
            <ac:spMk id="12" creationId="{04656CC6-B513-47B3-8D73-1855B58FBD14}"/>
          </ac:spMkLst>
        </pc:spChg>
        <pc:spChg chg="mod">
          <ac:chgData name="Merve Turhan" userId="3594cd17-5953-4511-8d53-8cfc799250e7" providerId="ADAL" clId="{E225DE88-74CE-48ED-AC1F-DE1313954DC9}" dt="2022-05-19T14:00:04.053" v="4135" actId="790"/>
          <ac:spMkLst>
            <pc:docMk/>
            <pc:sldMk cId="1802882348" sldId="556"/>
            <ac:spMk id="13" creationId="{CDA79502-C110-43CA-9B73-7AB475DB5544}"/>
          </ac:spMkLst>
        </pc:spChg>
        <pc:spChg chg="mod">
          <ac:chgData name="Merve Turhan" userId="3594cd17-5953-4511-8d53-8cfc799250e7" providerId="ADAL" clId="{E225DE88-74CE-48ED-AC1F-DE1313954DC9}" dt="2022-05-19T14:00:04.055" v="4136" actId="790"/>
          <ac:spMkLst>
            <pc:docMk/>
            <pc:sldMk cId="1802882348" sldId="556"/>
            <ac:spMk id="14" creationId="{B542CD9C-091C-4734-89A0-D6AAEF58A0B5}"/>
          </ac:spMkLst>
        </pc:spChg>
        <pc:spChg chg="mod">
          <ac:chgData name="Merve Turhan" userId="3594cd17-5953-4511-8d53-8cfc799250e7" providerId="ADAL" clId="{E225DE88-74CE-48ED-AC1F-DE1313954DC9}" dt="2022-05-19T14:00:04.055" v="4137" actId="790"/>
          <ac:spMkLst>
            <pc:docMk/>
            <pc:sldMk cId="1802882348" sldId="556"/>
            <ac:spMk id="23" creationId="{4237CD61-769A-4599-9DC0-4DF911A26E77}"/>
          </ac:spMkLst>
        </pc:spChg>
        <pc:spChg chg="mod">
          <ac:chgData name="Merve Turhan" userId="3594cd17-5953-4511-8d53-8cfc799250e7" providerId="ADAL" clId="{E225DE88-74CE-48ED-AC1F-DE1313954DC9}" dt="2022-05-19T14:00:04.055" v="4138" actId="790"/>
          <ac:spMkLst>
            <pc:docMk/>
            <pc:sldMk cId="1802882348" sldId="556"/>
            <ac:spMk id="24" creationId="{B9DBF4D1-F5C5-4C48-8B76-08A17C8DB6CC}"/>
          </ac:spMkLst>
        </pc:spChg>
        <pc:spChg chg="mod">
          <ac:chgData name="Merve Turhan" userId="3594cd17-5953-4511-8d53-8cfc799250e7" providerId="ADAL" clId="{E225DE88-74CE-48ED-AC1F-DE1313954DC9}" dt="2022-05-19T14:00:04.055" v="4139" actId="790"/>
          <ac:spMkLst>
            <pc:docMk/>
            <pc:sldMk cId="1802882348" sldId="556"/>
            <ac:spMk id="25" creationId="{C04FDA6E-DB7D-45E5-94DD-CAC5A4DC894F}"/>
          </ac:spMkLst>
        </pc:spChg>
        <pc:spChg chg="mod">
          <ac:chgData name="Merve Turhan" userId="3594cd17-5953-4511-8d53-8cfc799250e7" providerId="ADAL" clId="{E225DE88-74CE-48ED-AC1F-DE1313954DC9}" dt="2022-05-19T14:00:04.055" v="4140" actId="790"/>
          <ac:spMkLst>
            <pc:docMk/>
            <pc:sldMk cId="1802882348" sldId="556"/>
            <ac:spMk id="26" creationId="{3F60959F-7E8D-4C46-8ED6-F53553DA074A}"/>
          </ac:spMkLst>
        </pc:spChg>
        <pc:spChg chg="mod">
          <ac:chgData name="Merve Turhan" userId="3594cd17-5953-4511-8d53-8cfc799250e7" providerId="ADAL" clId="{E225DE88-74CE-48ED-AC1F-DE1313954DC9}" dt="2022-05-19T14:00:04.055" v="4141" actId="790"/>
          <ac:spMkLst>
            <pc:docMk/>
            <pc:sldMk cId="1802882348" sldId="556"/>
            <ac:spMk id="27" creationId="{406D7816-225B-45AD-AEA9-1066BFE82892}"/>
          </ac:spMkLst>
        </pc:spChg>
        <pc:spChg chg="mod">
          <ac:chgData name="Merve Turhan" userId="3594cd17-5953-4511-8d53-8cfc799250e7" providerId="ADAL" clId="{E225DE88-74CE-48ED-AC1F-DE1313954DC9}" dt="2022-05-19T14:00:04.055" v="4142" actId="790"/>
          <ac:spMkLst>
            <pc:docMk/>
            <pc:sldMk cId="1802882348" sldId="556"/>
            <ac:spMk id="28" creationId="{D0E89D0B-BA29-43C3-B665-D3ED403DA189}"/>
          </ac:spMkLst>
        </pc:spChg>
        <pc:spChg chg="mod">
          <ac:chgData name="Merve Turhan" userId="3594cd17-5953-4511-8d53-8cfc799250e7" providerId="ADAL" clId="{E225DE88-74CE-48ED-AC1F-DE1313954DC9}" dt="2022-05-19T14:00:04.055" v="4143" actId="790"/>
          <ac:spMkLst>
            <pc:docMk/>
            <pc:sldMk cId="1802882348" sldId="556"/>
            <ac:spMk id="30" creationId="{673202F9-7A0E-44B9-9602-3654D20F81D7}"/>
          </ac:spMkLst>
        </pc:spChg>
        <pc:spChg chg="mod">
          <ac:chgData name="Merve Turhan" userId="3594cd17-5953-4511-8d53-8cfc799250e7" providerId="ADAL" clId="{E225DE88-74CE-48ED-AC1F-DE1313954DC9}" dt="2022-05-19T14:00:04.055" v="4144" actId="790"/>
          <ac:spMkLst>
            <pc:docMk/>
            <pc:sldMk cId="1802882348" sldId="556"/>
            <ac:spMk id="32" creationId="{71885AAB-EC85-4FC3-9D45-3416440BEFAC}"/>
          </ac:spMkLst>
        </pc:spChg>
      </pc:sldChg>
      <pc:sldChg chg="addSp delSp modSp mod modAnim">
        <pc:chgData name="Merve Turhan" userId="3594cd17-5953-4511-8d53-8cfc799250e7" providerId="ADAL" clId="{E225DE88-74CE-48ED-AC1F-DE1313954DC9}" dt="2022-05-19T14:00:04.103" v="4197"/>
        <pc:sldMkLst>
          <pc:docMk/>
          <pc:sldMk cId="3814535045" sldId="557"/>
        </pc:sldMkLst>
        <pc:spChg chg="mod">
          <ac:chgData name="Merve Turhan" userId="3594cd17-5953-4511-8d53-8cfc799250e7" providerId="ADAL" clId="{E225DE88-74CE-48ED-AC1F-DE1313954DC9}" dt="2022-05-19T14:00:04.095" v="4191" actId="790"/>
          <ac:spMkLst>
            <pc:docMk/>
            <pc:sldMk cId="3814535045" sldId="557"/>
            <ac:spMk id="2" creationId="{E7FD2473-A1D8-4F47-BE9D-C6B8474469B5}"/>
          </ac:spMkLst>
        </pc:spChg>
        <pc:spChg chg="mod">
          <ac:chgData name="Merve Turhan" userId="3594cd17-5953-4511-8d53-8cfc799250e7" providerId="ADAL" clId="{E225DE88-74CE-48ED-AC1F-DE1313954DC9}" dt="2022-05-19T14:00:04.095" v="4192" actId="790"/>
          <ac:spMkLst>
            <pc:docMk/>
            <pc:sldMk cId="3814535045" sldId="557"/>
            <ac:spMk id="3" creationId="{978A330B-EE5D-4CD6-948C-7E099E3991CE}"/>
          </ac:spMkLst>
        </pc:spChg>
        <pc:spChg chg="del mod">
          <ac:chgData name="Merve Turhan" userId="3594cd17-5953-4511-8d53-8cfc799250e7" providerId="ADAL" clId="{E225DE88-74CE-48ED-AC1F-DE1313954DC9}" dt="2022-05-19T04:59:39.795" v="2692" actId="478"/>
          <ac:spMkLst>
            <pc:docMk/>
            <pc:sldMk cId="3814535045" sldId="557"/>
            <ac:spMk id="5" creationId="{9EE8D52B-57FD-40D5-A945-09E3F1EE5B50}"/>
          </ac:spMkLst>
        </pc:spChg>
        <pc:spChg chg="mod">
          <ac:chgData name="Merve Turhan" userId="3594cd17-5953-4511-8d53-8cfc799250e7" providerId="ADAL" clId="{E225DE88-74CE-48ED-AC1F-DE1313954DC9}" dt="2022-05-19T14:00:04.103" v="4193" actId="790"/>
          <ac:spMkLst>
            <pc:docMk/>
            <pc:sldMk cId="3814535045" sldId="557"/>
            <ac:spMk id="8" creationId="{2C45F143-A005-48A3-97E9-08EEB7392992}"/>
          </ac:spMkLst>
        </pc:spChg>
        <pc:spChg chg="mod">
          <ac:chgData name="Merve Turhan" userId="3594cd17-5953-4511-8d53-8cfc799250e7" providerId="ADAL" clId="{E225DE88-74CE-48ED-AC1F-DE1313954DC9}" dt="2022-05-19T14:00:04.103" v="4194" actId="790"/>
          <ac:spMkLst>
            <pc:docMk/>
            <pc:sldMk cId="3814535045" sldId="557"/>
            <ac:spMk id="9" creationId="{979D7408-5ACE-4250-902A-5EA628FE68A3}"/>
          </ac:spMkLst>
        </pc:spChg>
        <pc:spChg chg="mod">
          <ac:chgData name="Merve Turhan" userId="3594cd17-5953-4511-8d53-8cfc799250e7" providerId="ADAL" clId="{E225DE88-74CE-48ED-AC1F-DE1313954DC9}" dt="2022-05-19T14:00:04.103" v="4195" actId="790"/>
          <ac:spMkLst>
            <pc:docMk/>
            <pc:sldMk cId="3814535045" sldId="557"/>
            <ac:spMk id="10" creationId="{B66117B2-81C4-4AB5-9186-20266BC7F48B}"/>
          </ac:spMkLst>
        </pc:spChg>
        <pc:spChg chg="mod">
          <ac:chgData name="Merve Turhan" userId="3594cd17-5953-4511-8d53-8cfc799250e7" providerId="ADAL" clId="{E225DE88-74CE-48ED-AC1F-DE1313954DC9}" dt="2022-05-19T14:00:04.103" v="4196" actId="790"/>
          <ac:spMkLst>
            <pc:docMk/>
            <pc:sldMk cId="3814535045" sldId="557"/>
            <ac:spMk id="11" creationId="{FBC07123-895E-4C38-8E5D-BFA0BAE97C07}"/>
          </ac:spMkLst>
        </pc:spChg>
        <pc:spChg chg="add mod">
          <ac:chgData name="Merve Turhan" userId="3594cd17-5953-4511-8d53-8cfc799250e7" providerId="ADAL" clId="{E225DE88-74CE-48ED-AC1F-DE1313954DC9}" dt="2022-05-19T14:00:04.103" v="4197"/>
          <ac:spMkLst>
            <pc:docMk/>
            <pc:sldMk cId="3814535045" sldId="557"/>
            <ac:spMk id="12" creationId="{B15D11D8-699E-42F1-8CED-BFCDCF22D45E}"/>
          </ac:spMkLst>
        </pc:spChg>
        <pc:picChg chg="mod">
          <ac:chgData name="Merve Turhan" userId="3594cd17-5953-4511-8d53-8cfc799250e7" providerId="ADAL" clId="{E225DE88-74CE-48ED-AC1F-DE1313954DC9}" dt="2022-05-19T05:01:17.682" v="2720" actId="1076"/>
          <ac:picMkLst>
            <pc:docMk/>
            <pc:sldMk cId="3814535045" sldId="557"/>
            <ac:picMk id="6" creationId="{0818F591-8E05-4BA0-B8C5-0498FC8BAE78}"/>
          </ac:picMkLst>
        </pc:picChg>
        <pc:picChg chg="add mod">
          <ac:chgData name="Merve Turhan" userId="3594cd17-5953-4511-8d53-8cfc799250e7" providerId="ADAL" clId="{E225DE88-74CE-48ED-AC1F-DE1313954DC9}" dt="2022-05-19T05:01:18.903" v="2721" actId="1076"/>
          <ac:picMkLst>
            <pc:docMk/>
            <pc:sldMk cId="3814535045" sldId="557"/>
            <ac:picMk id="7" creationId="{437E60D2-69AF-481A-A5F9-1B7EABEE4133}"/>
          </ac:picMkLst>
        </pc:picChg>
      </pc:sldChg>
      <pc:sldChg chg="addSp delSp modSp mod delAnim">
        <pc:chgData name="Merve Turhan" userId="3594cd17-5953-4511-8d53-8cfc799250e7" providerId="ADAL" clId="{E225DE88-74CE-48ED-AC1F-DE1313954DC9}" dt="2022-05-19T14:00:04.075" v="4173" actId="790"/>
        <pc:sldMkLst>
          <pc:docMk/>
          <pc:sldMk cId="2687749463" sldId="558"/>
        </pc:sldMkLst>
        <pc:spChg chg="mod">
          <ac:chgData name="Merve Turhan" userId="3594cd17-5953-4511-8d53-8cfc799250e7" providerId="ADAL" clId="{E225DE88-74CE-48ED-AC1F-DE1313954DC9}" dt="2022-05-19T14:00:04.075" v="4173" actId="790"/>
          <ac:spMkLst>
            <pc:docMk/>
            <pc:sldMk cId="2687749463" sldId="558"/>
            <ac:spMk id="2" creationId="{5552E3F4-9A06-4671-B090-DF3C6F71903B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3" creationId="{2C5EAE6A-5EF8-49E9-9585-DC8CEC12A6A5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4" creationId="{E36C0F86-09CC-43C1-A177-55D994CFE275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5" creationId="{D6F944CD-8AA9-427C-BB3A-AC8735CA1388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11" creationId="{40DF9E16-FDDF-4F36-92F7-2C33F6D7DA15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21" creationId="{0145267D-AD32-4010-915A-128777B72912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22" creationId="{5FAE7B5D-F738-47DB-8898-82F706353B98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25" creationId="{15FECE14-0D76-48B2-BA6A-B6703A2603CB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26" creationId="{3206C982-331F-49E9-B61E-B5E8E415A87A}"/>
          </ac:spMkLst>
        </pc:spChg>
        <pc:picChg chg="add mod">
          <ac:chgData name="Merve Turhan" userId="3594cd17-5953-4511-8d53-8cfc799250e7" providerId="ADAL" clId="{E225DE88-74CE-48ED-AC1F-DE1313954DC9}" dt="2022-05-18T19:45:39.951" v="2430" actId="1076"/>
          <ac:picMkLst>
            <pc:docMk/>
            <pc:sldMk cId="2687749463" sldId="558"/>
            <ac:picMk id="7" creationId="{554845CC-A777-44B5-A463-A8D99EE4E313}"/>
          </ac:picMkLst>
        </pc:picChg>
        <pc:picChg chg="add del mod">
          <ac:chgData name="Merve Turhan" userId="3594cd17-5953-4511-8d53-8cfc799250e7" providerId="ADAL" clId="{E225DE88-74CE-48ED-AC1F-DE1313954DC9}" dt="2022-05-19T07:35:50.403" v="3279" actId="478"/>
          <ac:picMkLst>
            <pc:docMk/>
            <pc:sldMk cId="2687749463" sldId="558"/>
            <ac:picMk id="9" creationId="{32FBC624-B166-49CB-BA58-A60536B8541B}"/>
          </ac:picMkLst>
        </pc:picChg>
        <pc:picChg chg="add mod">
          <ac:chgData name="Merve Turhan" userId="3594cd17-5953-4511-8d53-8cfc799250e7" providerId="ADAL" clId="{E225DE88-74CE-48ED-AC1F-DE1313954DC9}" dt="2022-05-19T07:35:56.845" v="3282" actId="1076"/>
          <ac:picMkLst>
            <pc:docMk/>
            <pc:sldMk cId="2687749463" sldId="558"/>
            <ac:picMk id="12" creationId="{A30B94B8-A270-4494-9CA0-18DAF92F34A5}"/>
          </ac:picMkLst>
        </pc:picChg>
      </pc:sldChg>
      <pc:sldChg chg="delSp modSp del mod delAnim">
        <pc:chgData name="Merve Turhan" userId="3594cd17-5953-4511-8d53-8cfc799250e7" providerId="ADAL" clId="{E225DE88-74CE-48ED-AC1F-DE1313954DC9}" dt="2022-05-18T19:19:44.128" v="2359" actId="47"/>
        <pc:sldMkLst>
          <pc:docMk/>
          <pc:sldMk cId="2820444938" sldId="559"/>
        </pc:sldMkLst>
        <pc:spChg chg="mod">
          <ac:chgData name="Merve Turhan" userId="3594cd17-5953-4511-8d53-8cfc799250e7" providerId="ADAL" clId="{E225DE88-74CE-48ED-AC1F-DE1313954DC9}" dt="2022-05-17T18:09:30.466" v="858" actId="790"/>
          <ac:spMkLst>
            <pc:docMk/>
            <pc:sldMk cId="2820444938" sldId="559"/>
            <ac:spMk id="2" creationId="{769D6A69-CA26-4F52-AC72-6E3BAB115F6E}"/>
          </ac:spMkLst>
        </pc:spChg>
        <pc:spChg chg="mod">
          <ac:chgData name="Merve Turhan" userId="3594cd17-5953-4511-8d53-8cfc799250e7" providerId="ADAL" clId="{E225DE88-74CE-48ED-AC1F-DE1313954DC9}" dt="2022-05-17T18:09:30.467" v="859"/>
          <ac:spMkLst>
            <pc:docMk/>
            <pc:sldMk cId="2820444938" sldId="559"/>
            <ac:spMk id="3" creationId="{564CE5E3-F3B4-4237-88B0-E6459D52AB6F}"/>
          </ac:spMkLst>
        </pc:spChg>
        <pc:spChg chg="del mod">
          <ac:chgData name="Merve Turhan" userId="3594cd17-5953-4511-8d53-8cfc799250e7" providerId="ADAL" clId="{E225DE88-74CE-48ED-AC1F-DE1313954DC9}" dt="2022-05-17T21:18:09.948" v="2167" actId="478"/>
          <ac:spMkLst>
            <pc:docMk/>
            <pc:sldMk cId="2820444938" sldId="559"/>
            <ac:spMk id="4" creationId="{8436C669-350B-42B5-A0FD-93E8ABC3634C}"/>
          </ac:spMkLst>
        </pc:spChg>
        <pc:spChg chg="mod">
          <ac:chgData name="Merve Turhan" userId="3594cd17-5953-4511-8d53-8cfc799250e7" providerId="ADAL" clId="{E225DE88-74CE-48ED-AC1F-DE1313954DC9}" dt="2022-05-17T18:09:30.471" v="874" actId="790"/>
          <ac:spMkLst>
            <pc:docMk/>
            <pc:sldMk cId="2820444938" sldId="559"/>
            <ac:spMk id="11" creationId="{08333086-DF1F-449D-AE6F-51118ED5ADB5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12" creationId="{A5C16340-C54C-476D-BB2A-2D330FC8B22D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0" creationId="{B21EFD4D-E28B-493B-B5F8-E8DE1D2FEFFC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1" creationId="{6D953A29-47B8-4962-8BA6-B79CB0776919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2" creationId="{AEA7EFC2-C417-46A6-B403-02C01FD43C08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3" creationId="{78218C67-8E9E-4BE5-897C-256CC8D0D985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4" creationId="{C581622C-CF25-4A82-9142-5424C657D010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5" creationId="{9E112250-3FA2-4FEA-864E-C3FC4110B407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6" creationId="{15BE9B32-CCB3-4454-8C72-36C9A5138033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7" creationId="{895DB0CC-2156-420B-BA6C-377BAC6C0A4F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8" creationId="{67625923-7581-4B05-9329-434B8AD1A659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9" creationId="{FDC810E4-F8AB-47DB-A26E-4268708103EE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0" creationId="{29246DF3-3B30-484A-9974-CBD783F972DD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1" creationId="{90692F54-BA85-4287-8670-05FFF6E3B58C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2" creationId="{FA5DFE82-27BC-48EB-854A-77B05754DBC3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3" creationId="{B5A15CD1-7CFD-4A07-99C7-7960546340E0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4" creationId="{6843BA9C-718A-49AD-9785-C5BBB9FF8768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8" creationId="{5CBCA9CA-8B48-476B-A82D-BF7C108148BC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87" creationId="{E352DB13-6CD4-4295-9EA8-06A7C632288E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88" creationId="{AA719A79-06E1-4D41-8948-E0BE91E0F747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89" creationId="{7A219D5D-B195-4354-A87D-6A39AE42A05D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0" creationId="{F07206B8-FE0E-4289-828C-C34334D04619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1" creationId="{8C9E760D-9196-4B51-A880-1E41E2B9F215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2" creationId="{D5EA13D0-C84F-4BCF-94F1-86C94C54A304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3" creationId="{F00BCCCA-1235-435D-BCEB-4FD3391F3449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4" creationId="{380D7918-7398-4AFA-A34C-589338332513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5" creationId="{851F0EBC-9E2D-430F-B574-2183F7D38893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6" creationId="{DCC9D4F2-B03F-4CF5-9CDF-C7F86D4F09B5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7" creationId="{D84D0141-7A9C-4B6C-8063-424B7D93FA8B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8" creationId="{428710BD-53EA-406D-BD69-B2141A8F7DD5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9" creationId="{ED0CA8FA-1744-4A61-A7AF-3F09438E162E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100" creationId="{A2EDD92C-F328-4319-BF8D-648BF8D419C3}"/>
          </ac:spMkLst>
        </pc:spChg>
      </pc:sldChg>
      <pc:sldChg chg="addSp delSp modSp new del mod ord modAnim">
        <pc:chgData name="Merve Turhan" userId="3594cd17-5953-4511-8d53-8cfc799250e7" providerId="ADAL" clId="{E225DE88-74CE-48ED-AC1F-DE1313954DC9}" dt="2022-05-19T05:33:00.630" v="2829" actId="47"/>
        <pc:sldMkLst>
          <pc:docMk/>
          <pc:sldMk cId="1688318930" sldId="560"/>
        </pc:sldMkLst>
        <pc:spChg chg="del mod">
          <ac:chgData name="Merve Turhan" userId="3594cd17-5953-4511-8d53-8cfc799250e7" providerId="ADAL" clId="{E225DE88-74CE-48ED-AC1F-DE1313954DC9}" dt="2022-05-16T18:28:36.625" v="178" actId="478"/>
          <ac:spMkLst>
            <pc:docMk/>
            <pc:sldMk cId="1688318930" sldId="560"/>
            <ac:spMk id="2" creationId="{7341B3F7-A53C-43F2-B57C-3B657AA3A4F1}"/>
          </ac:spMkLst>
        </pc:spChg>
        <pc:spChg chg="del">
          <ac:chgData name="Merve Turhan" userId="3594cd17-5953-4511-8d53-8cfc799250e7" providerId="ADAL" clId="{E225DE88-74CE-48ED-AC1F-DE1313954DC9}" dt="2022-05-16T18:28:03.276" v="173" actId="478"/>
          <ac:spMkLst>
            <pc:docMk/>
            <pc:sldMk cId="1688318930" sldId="560"/>
            <ac:spMk id="3" creationId="{53C7BF9B-84C4-4C46-8864-6D00F51D1895}"/>
          </ac:spMkLst>
        </pc:spChg>
        <pc:spChg chg="del">
          <ac:chgData name="Merve Turhan" userId="3594cd17-5953-4511-8d53-8cfc799250e7" providerId="ADAL" clId="{E225DE88-74CE-48ED-AC1F-DE1313954DC9}" dt="2022-05-16T18:28:02.207" v="172" actId="478"/>
          <ac:spMkLst>
            <pc:docMk/>
            <pc:sldMk cId="1688318930" sldId="560"/>
            <ac:spMk id="4" creationId="{DF0B1E48-2203-4A76-BCB6-14A4E25EBE92}"/>
          </ac:spMkLst>
        </pc:spChg>
        <pc:spChg chg="del">
          <ac:chgData name="Merve Turhan" userId="3594cd17-5953-4511-8d53-8cfc799250e7" providerId="ADAL" clId="{E225DE88-74CE-48ED-AC1F-DE1313954DC9}" dt="2022-05-16T18:28:05.842" v="174" actId="478"/>
          <ac:spMkLst>
            <pc:docMk/>
            <pc:sldMk cId="1688318930" sldId="560"/>
            <ac:spMk id="5" creationId="{5C021A5C-F1BD-4CA2-BCCF-894AE4EB7DE7}"/>
          </ac:spMkLst>
        </pc:spChg>
        <pc:spChg chg="del">
          <ac:chgData name="Merve Turhan" userId="3594cd17-5953-4511-8d53-8cfc799250e7" providerId="ADAL" clId="{E225DE88-74CE-48ED-AC1F-DE1313954DC9}" dt="2022-05-16T18:28:09.001" v="175" actId="478"/>
          <ac:spMkLst>
            <pc:docMk/>
            <pc:sldMk cId="1688318930" sldId="560"/>
            <ac:spMk id="6" creationId="{DF670F9E-8AD4-4923-9F68-E34E48FAEC0D}"/>
          </ac:spMkLst>
        </pc:spChg>
        <pc:spChg chg="del">
          <ac:chgData name="Merve Turhan" userId="3594cd17-5953-4511-8d53-8cfc799250e7" providerId="ADAL" clId="{E225DE88-74CE-48ED-AC1F-DE1313954DC9}" dt="2022-05-16T18:28:10.967" v="176" actId="478"/>
          <ac:spMkLst>
            <pc:docMk/>
            <pc:sldMk cId="1688318930" sldId="560"/>
            <ac:spMk id="7" creationId="{6DD001BA-8985-45EB-97A5-B5EE4CE31EB8}"/>
          </ac:spMkLst>
        </pc:spChg>
        <pc:spChg chg="add mod">
          <ac:chgData name="Merve Turhan" userId="3594cd17-5953-4511-8d53-8cfc799250e7" providerId="ADAL" clId="{E225DE88-74CE-48ED-AC1F-DE1313954DC9}" dt="2022-05-17T18:09:30.255" v="548" actId="790"/>
          <ac:spMkLst>
            <pc:docMk/>
            <pc:sldMk cId="1688318930" sldId="560"/>
            <ac:spMk id="10" creationId="{670DEE9D-FF1C-4332-90B5-4F2D5079B38A}"/>
          </ac:spMkLst>
        </pc:spChg>
        <pc:spChg chg="add del mod">
          <ac:chgData name="Merve Turhan" userId="3594cd17-5953-4511-8d53-8cfc799250e7" providerId="ADAL" clId="{E225DE88-74CE-48ED-AC1F-DE1313954DC9}" dt="2022-05-17T18:08:21.823" v="538" actId="478"/>
          <ac:spMkLst>
            <pc:docMk/>
            <pc:sldMk cId="1688318930" sldId="560"/>
            <ac:spMk id="11" creationId="{7478539A-6F38-4CB3-8D2E-D9C4EC0FF9E0}"/>
          </ac:spMkLst>
        </pc:spChg>
        <pc:spChg chg="add del">
          <ac:chgData name="Merve Turhan" userId="3594cd17-5953-4511-8d53-8cfc799250e7" providerId="ADAL" clId="{E225DE88-74CE-48ED-AC1F-DE1313954DC9}" dt="2022-05-16T18:40:15.519" v="282" actId="478"/>
          <ac:spMkLst>
            <pc:docMk/>
            <pc:sldMk cId="1688318930" sldId="560"/>
            <ac:spMk id="12" creationId="{8DC221ED-F9B8-45DD-9304-BA5394FD8BAA}"/>
          </ac:spMkLst>
        </pc:spChg>
        <pc:spChg chg="add del mod">
          <ac:chgData name="Merve Turhan" userId="3594cd17-5953-4511-8d53-8cfc799250e7" providerId="ADAL" clId="{E225DE88-74CE-48ED-AC1F-DE1313954DC9}" dt="2022-05-17T06:23:14.663" v="286" actId="478"/>
          <ac:spMkLst>
            <pc:docMk/>
            <pc:sldMk cId="1688318930" sldId="560"/>
            <ac:spMk id="13" creationId="{DEF222E7-42C6-4FFD-8493-32B0D6A1D7AA}"/>
          </ac:spMkLst>
        </pc:spChg>
        <pc:spChg chg="add mod">
          <ac:chgData name="Merve Turhan" userId="3594cd17-5953-4511-8d53-8cfc799250e7" providerId="ADAL" clId="{E225DE88-74CE-48ED-AC1F-DE1313954DC9}" dt="2022-05-18T21:50:07.330" v="2682" actId="1076"/>
          <ac:spMkLst>
            <pc:docMk/>
            <pc:sldMk cId="1688318930" sldId="560"/>
            <ac:spMk id="20" creationId="{D1FC7A77-78B6-4DAA-913A-ADE21F22CD4C}"/>
          </ac:spMkLst>
        </pc:spChg>
        <pc:picChg chg="add del mod">
          <ac:chgData name="Merve Turhan" userId="3594cd17-5953-4511-8d53-8cfc799250e7" providerId="ADAL" clId="{E225DE88-74CE-48ED-AC1F-DE1313954DC9}" dt="2022-05-18T21:51:32.149" v="2688" actId="478"/>
          <ac:picMkLst>
            <pc:docMk/>
            <pc:sldMk cId="1688318930" sldId="560"/>
            <ac:picMk id="15" creationId="{B8C94EF5-1D7F-4E04-A6E6-06FD9A7E56A2}"/>
          </ac:picMkLst>
        </pc:picChg>
        <pc:picChg chg="add del mod">
          <ac:chgData name="Merve Turhan" userId="3594cd17-5953-4511-8d53-8cfc799250e7" providerId="ADAL" clId="{E225DE88-74CE-48ED-AC1F-DE1313954DC9}" dt="2022-05-18T21:51:31.232" v="2687" actId="478"/>
          <ac:picMkLst>
            <pc:docMk/>
            <pc:sldMk cId="1688318930" sldId="560"/>
            <ac:picMk id="17" creationId="{DD0DA8C6-A6F2-4C7A-8788-B2203CF907EC}"/>
          </ac:picMkLst>
        </pc:picChg>
        <pc:picChg chg="add del mod">
          <ac:chgData name="Merve Turhan" userId="3594cd17-5953-4511-8d53-8cfc799250e7" providerId="ADAL" clId="{E225DE88-74CE-48ED-AC1F-DE1313954DC9}" dt="2022-05-19T05:12:06.564" v="2779" actId="478"/>
          <ac:picMkLst>
            <pc:docMk/>
            <pc:sldMk cId="1688318930" sldId="560"/>
            <ac:picMk id="19" creationId="{178121F7-6464-4C39-93A0-1949D8429028}"/>
          </ac:picMkLst>
        </pc:picChg>
        <pc:picChg chg="add mod">
          <ac:chgData name="Merve Turhan" userId="3594cd17-5953-4511-8d53-8cfc799250e7" providerId="ADAL" clId="{E225DE88-74CE-48ED-AC1F-DE1313954DC9}" dt="2022-05-19T05:04:22.037" v="2740" actId="14100"/>
          <ac:picMkLst>
            <pc:docMk/>
            <pc:sldMk cId="1688318930" sldId="560"/>
            <ac:picMk id="22" creationId="{8E757C80-0EAB-414B-892B-EBFA8B0B7394}"/>
          </ac:picMkLst>
        </pc:picChg>
        <pc:picChg chg="add del mod">
          <ac:chgData name="Merve Turhan" userId="3594cd17-5953-4511-8d53-8cfc799250e7" providerId="ADAL" clId="{E225DE88-74CE-48ED-AC1F-DE1313954DC9}" dt="2022-05-19T05:14:01.614" v="2802" actId="21"/>
          <ac:picMkLst>
            <pc:docMk/>
            <pc:sldMk cId="1688318930" sldId="560"/>
            <ac:picMk id="24" creationId="{CAB8F9AE-80D1-48E2-A6A1-2562BD54D299}"/>
          </ac:picMkLst>
        </pc:picChg>
        <pc:picChg chg="add mod">
          <ac:chgData name="Merve Turhan" userId="3594cd17-5953-4511-8d53-8cfc799250e7" providerId="ADAL" clId="{E225DE88-74CE-48ED-AC1F-DE1313954DC9}" dt="2022-05-19T05:14:08.053" v="2804" actId="1076"/>
          <ac:picMkLst>
            <pc:docMk/>
            <pc:sldMk cId="1688318930" sldId="560"/>
            <ac:picMk id="26" creationId="{0612F646-5FAA-4E21-8F83-146BFC16BC86}"/>
          </ac:picMkLst>
        </pc:picChg>
        <pc:picChg chg="add mod">
          <ac:chgData name="Merve Turhan" userId="3594cd17-5953-4511-8d53-8cfc799250e7" providerId="ADAL" clId="{E225DE88-74CE-48ED-AC1F-DE1313954DC9}" dt="2022-05-19T05:12:55.778" v="2798" actId="1076"/>
          <ac:picMkLst>
            <pc:docMk/>
            <pc:sldMk cId="1688318930" sldId="560"/>
            <ac:picMk id="28" creationId="{F3CE5EE0-1B5D-4735-860F-C9935A086670}"/>
          </ac:picMkLst>
        </pc:picChg>
        <pc:picChg chg="add del">
          <ac:chgData name="Merve Turhan" userId="3594cd17-5953-4511-8d53-8cfc799250e7" providerId="ADAL" clId="{E225DE88-74CE-48ED-AC1F-DE1313954DC9}" dt="2022-05-16T18:39:45.623" v="280" actId="478"/>
          <ac:picMkLst>
            <pc:docMk/>
            <pc:sldMk cId="1688318930" sldId="560"/>
            <ac:picMk id="1026" creationId="{1BF02128-A048-4AC0-BFCB-961D7F586CC3}"/>
          </ac:picMkLst>
        </pc:picChg>
      </pc:sldChg>
      <pc:sldChg chg="addSp delSp modSp add mod ord modAnim">
        <pc:chgData name="Merve Turhan" userId="3594cd17-5953-4511-8d53-8cfc799250e7" providerId="ADAL" clId="{E225DE88-74CE-48ED-AC1F-DE1313954DC9}" dt="2022-05-19T14:00:03.920" v="3978"/>
        <pc:sldMkLst>
          <pc:docMk/>
          <pc:sldMk cId="4164184284" sldId="561"/>
        </pc:sldMkLst>
        <pc:spChg chg="mod">
          <ac:chgData name="Merve Turhan" userId="3594cd17-5953-4511-8d53-8cfc799250e7" providerId="ADAL" clId="{E225DE88-74CE-48ED-AC1F-DE1313954DC9}" dt="2022-05-19T14:00:03.920" v="3972" actId="790"/>
          <ac:spMkLst>
            <pc:docMk/>
            <pc:sldMk cId="4164184284" sldId="561"/>
            <ac:spMk id="2" creationId="{0B8A7082-DB17-45FC-A3F5-45FD2AA6C076}"/>
          </ac:spMkLst>
        </pc:spChg>
        <pc:spChg chg="mod">
          <ac:chgData name="Merve Turhan" userId="3594cd17-5953-4511-8d53-8cfc799250e7" providerId="ADAL" clId="{E225DE88-74CE-48ED-AC1F-DE1313954DC9}" dt="2022-05-19T14:00:03.920" v="3973" actId="790"/>
          <ac:spMkLst>
            <pc:docMk/>
            <pc:sldMk cId="4164184284" sldId="561"/>
            <ac:spMk id="3" creationId="{3E5B23EB-C8CD-4D5E-BE6C-FB30EB007902}"/>
          </ac:spMkLst>
        </pc:spChg>
        <pc:spChg chg="del mod">
          <ac:chgData name="Merve Turhan" userId="3594cd17-5953-4511-8d53-8cfc799250e7" providerId="ADAL" clId="{E225DE88-74CE-48ED-AC1F-DE1313954DC9}" dt="2022-05-17T18:26:01.803" v="1351" actId="478"/>
          <ac:spMkLst>
            <pc:docMk/>
            <pc:sldMk cId="4164184284" sldId="561"/>
            <ac:spMk id="4" creationId="{476694C2-AE53-47F3-A2CD-DC95CB2AC06E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5" creationId="{DBBDAAF0-C257-42E8-8778-33F369095B08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6" creationId="{73F28F7C-FDB7-4C54-B643-59C95F1891CF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7" creationId="{F588C0D0-1BBC-4CD2-94F9-68F2F5734F5A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8" creationId="{2DC050C8-8D7A-4E39-817D-9374CDFC2110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9" creationId="{B27B1656-AEED-43A4-B4E9-9779CB184DB2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10" creationId="{8EDE5C98-4FEE-4E38-86E4-37D4A2FF80EB}"/>
          </ac:spMkLst>
        </pc:spChg>
        <pc:spChg chg="add del">
          <ac:chgData name="Merve Turhan" userId="3594cd17-5953-4511-8d53-8cfc799250e7" providerId="ADAL" clId="{E225DE88-74CE-48ED-AC1F-DE1313954DC9}" dt="2022-05-17T18:30:14.167" v="1425" actId="478"/>
          <ac:spMkLst>
            <pc:docMk/>
            <pc:sldMk cId="4164184284" sldId="561"/>
            <ac:spMk id="11" creationId="{679895E2-3CFD-46EB-AD1F-9EDDA3CF2079}"/>
          </ac:spMkLst>
        </pc:spChg>
        <pc:spChg chg="add mod">
          <ac:chgData name="Merve Turhan" userId="3594cd17-5953-4511-8d53-8cfc799250e7" providerId="ADAL" clId="{E225DE88-74CE-48ED-AC1F-DE1313954DC9}" dt="2022-05-19T14:00:03.920" v="3976"/>
          <ac:spMkLst>
            <pc:docMk/>
            <pc:sldMk cId="4164184284" sldId="561"/>
            <ac:spMk id="12" creationId="{0D76405C-09B7-40DD-A397-0FCBEA19888A}"/>
          </ac:spMkLst>
        </pc:spChg>
        <pc:spChg chg="mod">
          <ac:chgData name="Merve Turhan" userId="3594cd17-5953-4511-8d53-8cfc799250e7" providerId="ADAL" clId="{E225DE88-74CE-48ED-AC1F-DE1313954DC9}" dt="2022-05-19T14:00:03.920" v="3974" actId="790"/>
          <ac:spMkLst>
            <pc:docMk/>
            <pc:sldMk cId="4164184284" sldId="561"/>
            <ac:spMk id="13" creationId="{0701518D-15A6-408F-9BBA-9571C85F81D4}"/>
          </ac:spMkLst>
        </pc:spChg>
        <pc:spChg chg="mod">
          <ac:chgData name="Merve Turhan" userId="3594cd17-5953-4511-8d53-8cfc799250e7" providerId="ADAL" clId="{E225DE88-74CE-48ED-AC1F-DE1313954DC9}" dt="2022-05-19T14:00:03.920" v="3975" actId="790"/>
          <ac:spMkLst>
            <pc:docMk/>
            <pc:sldMk cId="4164184284" sldId="561"/>
            <ac:spMk id="14" creationId="{B7AF1829-1784-4A90-8EAE-82C365FEA5F0}"/>
          </ac:spMkLst>
        </pc:spChg>
        <pc:spChg chg="add mod">
          <ac:chgData name="Merve Turhan" userId="3594cd17-5953-4511-8d53-8cfc799250e7" providerId="ADAL" clId="{E225DE88-74CE-48ED-AC1F-DE1313954DC9}" dt="2022-05-19T14:00:03.920" v="3977"/>
          <ac:spMkLst>
            <pc:docMk/>
            <pc:sldMk cId="4164184284" sldId="561"/>
            <ac:spMk id="15" creationId="{A36DF49F-3294-470F-9DDA-E2FAB7700008}"/>
          </ac:spMkLst>
        </pc:spChg>
        <pc:spChg chg="add mod">
          <ac:chgData name="Merve Turhan" userId="3594cd17-5953-4511-8d53-8cfc799250e7" providerId="ADAL" clId="{E225DE88-74CE-48ED-AC1F-DE1313954DC9}" dt="2022-05-19T14:00:03.920" v="3978"/>
          <ac:spMkLst>
            <pc:docMk/>
            <pc:sldMk cId="4164184284" sldId="561"/>
            <ac:spMk id="16" creationId="{46B35205-86E0-4EEB-A1D5-03852E5AE649}"/>
          </ac:spMkLst>
        </pc:spChg>
        <pc:spChg chg="del mod">
          <ac:chgData name="Merve Turhan" userId="3594cd17-5953-4511-8d53-8cfc799250e7" providerId="ADAL" clId="{E225DE88-74CE-48ED-AC1F-DE1313954DC9}" dt="2022-05-17T18:26:00.223" v="1350" actId="478"/>
          <ac:spMkLst>
            <pc:docMk/>
            <pc:sldMk cId="4164184284" sldId="561"/>
            <ac:spMk id="22" creationId="{D211F8AC-D34B-4DCD-BCA9-40AA664B12AD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3" creationId="{69C3123C-73E5-44C3-BE8D-F3DB941FC640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4" creationId="{BC40C7E2-5E17-436B-9232-E8E1774D4E8D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5" creationId="{84736A0A-2B3F-4E90-BEF2-84A9C681C5B8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6" creationId="{E148C23E-982D-40DA-929F-3253981FC4FF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7" creationId="{065F2AD6-3473-4628-A0C5-6F70D4EF788F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0" creationId="{32E7E5CB-E429-4A58-8354-177F9F4414B6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1" creationId="{57AE635B-BDA1-4D85-A549-BFC8E78461AB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2" creationId="{91284B49-50DF-471E-9421-DCDF3FF32BE2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3" creationId="{47A96356-51D1-4C9E-80CF-EE5342671801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4" creationId="{E42E74A0-2F77-4C20-BF70-DB71DDE9939B}"/>
          </ac:spMkLst>
        </pc:spChg>
        <pc:spChg chg="del mod">
          <ac:chgData name="Merve Turhan" userId="3594cd17-5953-4511-8d53-8cfc799250e7" providerId="ADAL" clId="{E225DE88-74CE-48ED-AC1F-DE1313954DC9}" dt="2022-05-17T18:25:58.460" v="1349" actId="478"/>
          <ac:spMkLst>
            <pc:docMk/>
            <pc:sldMk cId="4164184284" sldId="561"/>
            <ac:spMk id="35" creationId="{5C214C05-D6A9-4D38-BA47-CCF81ACC8B5A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6" creationId="{EC13264F-3AF9-4EA0-B0E6-5E12F888811C}"/>
          </ac:spMkLst>
        </pc:spChg>
        <pc:spChg chg="del mod">
          <ac:chgData name="Merve Turhan" userId="3594cd17-5953-4511-8d53-8cfc799250e7" providerId="ADAL" clId="{E225DE88-74CE-48ED-AC1F-DE1313954DC9}" dt="2022-05-17T18:31:06.798" v="1490" actId="478"/>
          <ac:spMkLst>
            <pc:docMk/>
            <pc:sldMk cId="4164184284" sldId="561"/>
            <ac:spMk id="37" creationId="{433EC486-7963-4D0C-AF62-D4F9F845DFF5}"/>
          </ac:spMkLst>
        </pc:spChg>
      </pc:sldChg>
      <pc:sldChg chg="addSp delSp modSp new mod modNotesTx">
        <pc:chgData name="Merve Turhan" userId="3594cd17-5953-4511-8d53-8cfc799250e7" providerId="ADAL" clId="{E225DE88-74CE-48ED-AC1F-DE1313954DC9}" dt="2022-05-19T14:28:23.865" v="4705" actId="20577"/>
        <pc:sldMkLst>
          <pc:docMk/>
          <pc:sldMk cId="2909941548" sldId="562"/>
        </pc:sldMkLst>
        <pc:spChg chg="mod">
          <ac:chgData name="Merve Turhan" userId="3594cd17-5953-4511-8d53-8cfc799250e7" providerId="ADAL" clId="{E225DE88-74CE-48ED-AC1F-DE1313954DC9}" dt="2022-05-19T14:00:04.065" v="4164" actId="790"/>
          <ac:spMkLst>
            <pc:docMk/>
            <pc:sldMk cId="2909941548" sldId="562"/>
            <ac:spMk id="2" creationId="{867D2DCC-C508-4918-9142-29578F98A877}"/>
          </ac:spMkLst>
        </pc:spChg>
        <pc:spChg chg="del">
          <ac:chgData name="Merve Turhan" userId="3594cd17-5953-4511-8d53-8cfc799250e7" providerId="ADAL" clId="{E225DE88-74CE-48ED-AC1F-DE1313954DC9}" dt="2022-05-18T19:33:51.603" v="2400" actId="478"/>
          <ac:spMkLst>
            <pc:docMk/>
            <pc:sldMk cId="2909941548" sldId="562"/>
            <ac:spMk id="3" creationId="{E58E44D9-3F45-44DD-9BD6-7DF15EB2412F}"/>
          </ac:spMkLst>
        </pc:spChg>
        <pc:spChg chg="add mod">
          <ac:chgData name="Merve Turhan" userId="3594cd17-5953-4511-8d53-8cfc799250e7" providerId="ADAL" clId="{E225DE88-74CE-48ED-AC1F-DE1313954DC9}" dt="2022-05-19T14:00:04.065" v="4165" actId="790"/>
          <ac:spMkLst>
            <pc:docMk/>
            <pc:sldMk cId="2909941548" sldId="562"/>
            <ac:spMk id="12" creationId="{05D2EC3E-38F6-450F-8F5B-ABCACB89C4A7}"/>
          </ac:spMkLst>
        </pc:spChg>
        <pc:spChg chg="add mod">
          <ac:chgData name="Merve Turhan" userId="3594cd17-5953-4511-8d53-8cfc799250e7" providerId="ADAL" clId="{E225DE88-74CE-48ED-AC1F-DE1313954DC9}" dt="2022-05-19T14:00:04.065" v="4166" actId="790"/>
          <ac:spMkLst>
            <pc:docMk/>
            <pc:sldMk cId="2909941548" sldId="562"/>
            <ac:spMk id="13" creationId="{626328A4-9218-48F4-892B-2B543F69162F}"/>
          </ac:spMkLst>
        </pc:spChg>
        <pc:spChg chg="add mod">
          <ac:chgData name="Merve Turhan" userId="3594cd17-5953-4511-8d53-8cfc799250e7" providerId="ADAL" clId="{E225DE88-74CE-48ED-AC1F-DE1313954DC9}" dt="2022-05-19T14:00:04.065" v="4167" actId="790"/>
          <ac:spMkLst>
            <pc:docMk/>
            <pc:sldMk cId="2909941548" sldId="562"/>
            <ac:spMk id="14" creationId="{283D52F3-8841-4B13-8569-40E359257A74}"/>
          </ac:spMkLst>
        </pc:spChg>
        <pc:picChg chg="add del mod">
          <ac:chgData name="Merve Turhan" userId="3594cd17-5953-4511-8d53-8cfc799250e7" providerId="ADAL" clId="{E225DE88-74CE-48ED-AC1F-DE1313954DC9}" dt="2022-05-18T19:45:44.114" v="2431" actId="478"/>
          <ac:picMkLst>
            <pc:docMk/>
            <pc:sldMk cId="2909941548" sldId="562"/>
            <ac:picMk id="5" creationId="{FC4F6EFB-4E7D-4D61-8E9C-7DB33A68E7D9}"/>
          </ac:picMkLst>
        </pc:picChg>
        <pc:picChg chg="add del mod">
          <ac:chgData name="Merve Turhan" userId="3594cd17-5953-4511-8d53-8cfc799250e7" providerId="ADAL" clId="{E225DE88-74CE-48ED-AC1F-DE1313954DC9}" dt="2022-05-18T20:01:06.205" v="2447" actId="478"/>
          <ac:picMkLst>
            <pc:docMk/>
            <pc:sldMk cId="2909941548" sldId="562"/>
            <ac:picMk id="7" creationId="{7A99D4D0-EE02-4416-8B00-0D83F907949B}"/>
          </ac:picMkLst>
        </pc:picChg>
        <pc:picChg chg="add mod">
          <ac:chgData name="Merve Turhan" userId="3594cd17-5953-4511-8d53-8cfc799250e7" providerId="ADAL" clId="{E225DE88-74CE-48ED-AC1F-DE1313954DC9}" dt="2022-05-18T21:17:07.519" v="2455" actId="1076"/>
          <ac:picMkLst>
            <pc:docMk/>
            <pc:sldMk cId="2909941548" sldId="562"/>
            <ac:picMk id="9" creationId="{671E8346-FDE2-48FF-B5D6-234952C0709C}"/>
          </ac:picMkLst>
        </pc:picChg>
        <pc:picChg chg="add mod">
          <ac:chgData name="Merve Turhan" userId="3594cd17-5953-4511-8d53-8cfc799250e7" providerId="ADAL" clId="{E225DE88-74CE-48ED-AC1F-DE1313954DC9}" dt="2022-05-18T21:17:09.429" v="2456" actId="1076"/>
          <ac:picMkLst>
            <pc:docMk/>
            <pc:sldMk cId="2909941548" sldId="562"/>
            <ac:picMk id="11" creationId="{8F6AEFA7-EEA0-41A8-BFAB-01ABB18F8C86}"/>
          </ac:picMkLst>
        </pc:picChg>
      </pc:sldChg>
      <pc:sldChg chg="addSp delSp modSp add mod ord delAnim modAnim modNotesTx">
        <pc:chgData name="Merve Turhan" userId="3594cd17-5953-4511-8d53-8cfc799250e7" providerId="ADAL" clId="{E225DE88-74CE-48ED-AC1F-DE1313954DC9}" dt="2022-05-20T08:04:34.489" v="4877" actId="1076"/>
        <pc:sldMkLst>
          <pc:docMk/>
          <pc:sldMk cId="1011689581" sldId="563"/>
        </pc:sldMkLst>
        <pc:spChg chg="add mod">
          <ac:chgData name="Merve Turhan" userId="3594cd17-5953-4511-8d53-8cfc799250e7" providerId="ADAL" clId="{E225DE88-74CE-48ED-AC1F-DE1313954DC9}" dt="2022-05-20T07:52:01.084" v="4876" actId="20577"/>
          <ac:spMkLst>
            <pc:docMk/>
            <pc:sldMk cId="1011689581" sldId="563"/>
            <ac:spMk id="2" creationId="{7F6CAF61-42F7-45B2-9E9F-91BF847B1E92}"/>
          </ac:spMkLst>
        </pc:spChg>
        <pc:spChg chg="add del mod">
          <ac:chgData name="Merve Turhan" userId="3594cd17-5953-4511-8d53-8cfc799250e7" providerId="ADAL" clId="{E225DE88-74CE-48ED-AC1F-DE1313954DC9}" dt="2022-05-19T05:32:17.503" v="2820" actId="478"/>
          <ac:spMkLst>
            <pc:docMk/>
            <pc:sldMk cId="1011689581" sldId="563"/>
            <ac:spMk id="3" creationId="{E76490E4-B344-4310-8C5F-1831CDF7D45E}"/>
          </ac:spMkLst>
        </pc:spChg>
        <pc:spChg chg="del">
          <ac:chgData name="Merve Turhan" userId="3594cd17-5953-4511-8d53-8cfc799250e7" providerId="ADAL" clId="{E225DE88-74CE-48ED-AC1F-DE1313954DC9}" dt="2022-05-19T05:32:15.325" v="2819" actId="478"/>
          <ac:spMkLst>
            <pc:docMk/>
            <pc:sldMk cId="1011689581" sldId="563"/>
            <ac:spMk id="4" creationId="{EA7D4468-58D5-40D1-8182-8FDBCEF777E1}"/>
          </ac:spMkLst>
        </pc:spChg>
        <pc:spChg chg="del">
          <ac:chgData name="Merve Turhan" userId="3594cd17-5953-4511-8d53-8cfc799250e7" providerId="ADAL" clId="{E225DE88-74CE-48ED-AC1F-DE1313954DC9}" dt="2022-05-19T05:32:12.161" v="2818" actId="478"/>
          <ac:spMkLst>
            <pc:docMk/>
            <pc:sldMk cId="1011689581" sldId="563"/>
            <ac:spMk id="5" creationId="{393A08AF-E8DD-44C5-A85C-B1192DD283A4}"/>
          </ac:spMkLst>
        </pc:spChg>
        <pc:spChg chg="mod">
          <ac:chgData name="Merve Turhan" userId="3594cd17-5953-4511-8d53-8cfc799250e7" providerId="ADAL" clId="{E225DE88-74CE-48ED-AC1F-DE1313954DC9}" dt="2022-05-19T14:00:03.842" v="3864" actId="790"/>
          <ac:spMkLst>
            <pc:docMk/>
            <pc:sldMk cId="1011689581" sldId="563"/>
            <ac:spMk id="6" creationId="{56AFC71C-F7A5-47C7-AC2C-FD58718975AF}"/>
          </ac:spMkLst>
        </pc:spChg>
        <pc:spChg chg="add del mod">
          <ac:chgData name="Merve Turhan" userId="3594cd17-5953-4511-8d53-8cfc799250e7" providerId="ADAL" clId="{E225DE88-74CE-48ED-AC1F-DE1313954DC9}" dt="2022-05-19T05:32:19.198" v="2821" actId="478"/>
          <ac:spMkLst>
            <pc:docMk/>
            <pc:sldMk cId="1011689581" sldId="563"/>
            <ac:spMk id="8" creationId="{CF9C1837-3073-435A-9157-8F63B6F70CE7}"/>
          </ac:spMkLst>
        </pc:spChg>
        <pc:spChg chg="mod">
          <ac:chgData name="Merve Turhan" userId="3594cd17-5953-4511-8d53-8cfc799250e7" providerId="ADAL" clId="{E225DE88-74CE-48ED-AC1F-DE1313954DC9}" dt="2022-05-19T14:00:03.842" v="3865" actId="790"/>
          <ac:spMkLst>
            <pc:docMk/>
            <pc:sldMk cId="1011689581" sldId="563"/>
            <ac:spMk id="11" creationId="{E6D1E66D-7E35-4037-A967-BD046D6E642F}"/>
          </ac:spMkLst>
        </pc:spChg>
        <pc:spChg chg="mod">
          <ac:chgData name="Merve Turhan" userId="3594cd17-5953-4511-8d53-8cfc799250e7" providerId="ADAL" clId="{E225DE88-74CE-48ED-AC1F-DE1313954DC9}" dt="2022-05-19T14:00:03.842" v="3866" actId="790"/>
          <ac:spMkLst>
            <pc:docMk/>
            <pc:sldMk cId="1011689581" sldId="563"/>
            <ac:spMk id="12" creationId="{2104418B-B405-4546-961F-441684FDDF4D}"/>
          </ac:spMkLst>
        </pc:spChg>
        <pc:spChg chg="mod">
          <ac:chgData name="Merve Turhan" userId="3594cd17-5953-4511-8d53-8cfc799250e7" providerId="ADAL" clId="{E225DE88-74CE-48ED-AC1F-DE1313954DC9}" dt="2022-05-19T14:00:03.842" v="3867" actId="790"/>
          <ac:spMkLst>
            <pc:docMk/>
            <pc:sldMk cId="1011689581" sldId="563"/>
            <ac:spMk id="13" creationId="{77302FF2-BC11-4E2F-A8A8-00912EC3652F}"/>
          </ac:spMkLst>
        </pc:spChg>
        <pc:spChg chg="add mod">
          <ac:chgData name="Merve Turhan" userId="3594cd17-5953-4511-8d53-8cfc799250e7" providerId="ADAL" clId="{E225DE88-74CE-48ED-AC1F-DE1313954DC9}" dt="2022-05-19T14:00:03.842" v="3869"/>
          <ac:spMkLst>
            <pc:docMk/>
            <pc:sldMk cId="1011689581" sldId="563"/>
            <ac:spMk id="14" creationId="{7E4949A8-AAB6-400E-B125-4060AD385059}"/>
          </ac:spMkLst>
        </pc:spChg>
        <pc:spChg chg="mod">
          <ac:chgData name="Merve Turhan" userId="3594cd17-5953-4511-8d53-8cfc799250e7" providerId="ADAL" clId="{E225DE88-74CE-48ED-AC1F-DE1313954DC9}" dt="2022-05-19T14:00:03.842" v="3868" actId="790"/>
          <ac:spMkLst>
            <pc:docMk/>
            <pc:sldMk cId="1011689581" sldId="563"/>
            <ac:spMk id="15" creationId="{80EDF406-7701-48DD-AAB0-B20D9721C7CC}"/>
          </ac:spMkLst>
        </pc:spChg>
        <pc:picChg chg="add mod">
          <ac:chgData name="Merve Turhan" userId="3594cd17-5953-4511-8d53-8cfc799250e7" providerId="ADAL" clId="{E225DE88-74CE-48ED-AC1F-DE1313954DC9}" dt="2022-05-19T07:46:29.852" v="3325" actId="1076"/>
          <ac:picMkLst>
            <pc:docMk/>
            <pc:sldMk cId="1011689581" sldId="563"/>
            <ac:picMk id="16" creationId="{1BD148C0-EC61-46CA-BBF6-6DD693507E06}"/>
          </ac:picMkLst>
        </pc:picChg>
        <pc:picChg chg="add mod">
          <ac:chgData name="Merve Turhan" userId="3594cd17-5953-4511-8d53-8cfc799250e7" providerId="ADAL" clId="{E225DE88-74CE-48ED-AC1F-DE1313954DC9}" dt="2022-05-20T08:04:34.489" v="4877" actId="1076"/>
          <ac:picMkLst>
            <pc:docMk/>
            <pc:sldMk cId="1011689581" sldId="563"/>
            <ac:picMk id="17" creationId="{6FD668DD-212E-4F9E-9810-F57486A5364C}"/>
          </ac:picMkLst>
        </pc:picChg>
        <pc:picChg chg="add mod">
          <ac:chgData name="Merve Turhan" userId="3594cd17-5953-4511-8d53-8cfc799250e7" providerId="ADAL" clId="{E225DE88-74CE-48ED-AC1F-DE1313954DC9}" dt="2022-05-19T05:32:57.115" v="2828" actId="1076"/>
          <ac:picMkLst>
            <pc:docMk/>
            <pc:sldMk cId="1011689581" sldId="563"/>
            <ac:picMk id="18" creationId="{128F200D-0E5E-4969-A5C4-B132A64379F9}"/>
          </ac:picMkLst>
        </pc:picChg>
      </pc:sldChg>
      <pc:sldChg chg="addSp modSp new mod">
        <pc:chgData name="Merve Turhan" userId="3594cd17-5953-4511-8d53-8cfc799250e7" providerId="ADAL" clId="{E225DE88-74CE-48ED-AC1F-DE1313954DC9}" dt="2022-05-19T14:00:04.095" v="4187" actId="790"/>
        <pc:sldMkLst>
          <pc:docMk/>
          <pc:sldMk cId="2343135138" sldId="564"/>
        </pc:sldMkLst>
        <pc:spChg chg="mod">
          <ac:chgData name="Merve Turhan" userId="3594cd17-5953-4511-8d53-8cfc799250e7" providerId="ADAL" clId="{E225DE88-74CE-48ED-AC1F-DE1313954DC9}" dt="2022-05-19T14:00:04.085" v="4185" actId="790"/>
          <ac:spMkLst>
            <pc:docMk/>
            <pc:sldMk cId="2343135138" sldId="564"/>
            <ac:spMk id="2" creationId="{AC5C63E5-E679-4E70-A067-8A51B63BA9F9}"/>
          </ac:spMkLst>
        </pc:spChg>
        <pc:spChg chg="mod">
          <ac:chgData name="Merve Turhan" userId="3594cd17-5953-4511-8d53-8cfc799250e7" providerId="ADAL" clId="{E225DE88-74CE-48ED-AC1F-DE1313954DC9}" dt="2022-05-19T14:00:04.093" v="4186" actId="790"/>
          <ac:spMkLst>
            <pc:docMk/>
            <pc:sldMk cId="2343135138" sldId="564"/>
            <ac:spMk id="3" creationId="{CD8F0E8F-AF21-47F3-804C-D4B83AB2BE82}"/>
          </ac:spMkLst>
        </pc:spChg>
        <pc:spChg chg="add mod">
          <ac:chgData name="Merve Turhan" userId="3594cd17-5953-4511-8d53-8cfc799250e7" providerId="ADAL" clId="{E225DE88-74CE-48ED-AC1F-DE1313954DC9}" dt="2022-05-19T14:00:04.095" v="4187" actId="790"/>
          <ac:spMkLst>
            <pc:docMk/>
            <pc:sldMk cId="2343135138" sldId="564"/>
            <ac:spMk id="6" creationId="{E5724B34-14BA-4B61-A7E7-96D291666E8D}"/>
          </ac:spMkLst>
        </pc:spChg>
        <pc:picChg chg="add mod">
          <ac:chgData name="Merve Turhan" userId="3594cd17-5953-4511-8d53-8cfc799250e7" providerId="ADAL" clId="{E225DE88-74CE-48ED-AC1F-DE1313954DC9}" dt="2022-05-19T06:54:00.534" v="3230" actId="1076"/>
          <ac:picMkLst>
            <pc:docMk/>
            <pc:sldMk cId="2343135138" sldId="564"/>
            <ac:picMk id="5" creationId="{F77263D6-CCBA-4558-A721-2577A42F8B17}"/>
          </ac:picMkLst>
        </pc:picChg>
      </pc:sldChg>
      <pc:sldChg chg="delSp modSp add del mod modNotesTx">
        <pc:chgData name="Merve Turhan" userId="3594cd17-5953-4511-8d53-8cfc799250e7" providerId="ADAL" clId="{E225DE88-74CE-48ED-AC1F-DE1313954DC9}" dt="2022-05-19T14:00:19.332" v="4592" actId="20577"/>
        <pc:sldMkLst>
          <pc:docMk/>
          <pc:sldMk cId="3226931249" sldId="565"/>
        </pc:sldMkLst>
        <pc:spChg chg="mod">
          <ac:chgData name="Merve Turhan" userId="3594cd17-5953-4511-8d53-8cfc799250e7" providerId="ADAL" clId="{E225DE88-74CE-48ED-AC1F-DE1313954DC9}" dt="2022-05-19T14:00:19.332" v="4592" actId="20577"/>
          <ac:spMkLst>
            <pc:docMk/>
            <pc:sldMk cId="3226931249" sldId="565"/>
            <ac:spMk id="3" creationId="{17D5CE7D-CCF0-44B0-843A-8D46859C44EE}"/>
          </ac:spMkLst>
        </pc:spChg>
        <pc:spChg chg="mod">
          <ac:chgData name="Merve Turhan" userId="3594cd17-5953-4511-8d53-8cfc799250e7" providerId="ADAL" clId="{E225DE88-74CE-48ED-AC1F-DE1313954DC9}" dt="2022-05-19T14:00:03.842" v="3861" actId="790"/>
          <ac:spMkLst>
            <pc:docMk/>
            <pc:sldMk cId="3226931249" sldId="565"/>
            <ac:spMk id="5" creationId="{0D8DE8B4-7BAB-4C18-A0E5-01D3A11D374F}"/>
          </ac:spMkLst>
        </pc:spChg>
        <pc:spChg chg="mod">
          <ac:chgData name="Merve Turhan" userId="3594cd17-5953-4511-8d53-8cfc799250e7" providerId="ADAL" clId="{E225DE88-74CE-48ED-AC1F-DE1313954DC9}" dt="2022-05-19T14:00:03.842" v="3862" actId="790"/>
          <ac:spMkLst>
            <pc:docMk/>
            <pc:sldMk cId="3226931249" sldId="565"/>
            <ac:spMk id="6" creationId="{327EB691-17C6-4220-AA5E-2F3518AF8CC2}"/>
          </ac:spMkLst>
        </pc:spChg>
        <pc:spChg chg="mod">
          <ac:chgData name="Merve Turhan" userId="3594cd17-5953-4511-8d53-8cfc799250e7" providerId="ADAL" clId="{E225DE88-74CE-48ED-AC1F-DE1313954DC9}" dt="2022-05-19T14:00:03.842" v="3863" actId="790"/>
          <ac:spMkLst>
            <pc:docMk/>
            <pc:sldMk cId="3226931249" sldId="565"/>
            <ac:spMk id="7" creationId="{0BF70DC3-66C9-451C-917E-BA44956D1DBD}"/>
          </ac:spMkLst>
        </pc:spChg>
        <pc:spChg chg="del mod">
          <ac:chgData name="Merve Turhan" userId="3594cd17-5953-4511-8d53-8cfc799250e7" providerId="ADAL" clId="{E225DE88-74CE-48ED-AC1F-DE1313954DC9}" dt="2022-05-19T06:54:28.775" v="3233" actId="478"/>
          <ac:spMkLst>
            <pc:docMk/>
            <pc:sldMk cId="3226931249" sldId="565"/>
            <ac:spMk id="10" creationId="{BBB0DFB0-87DE-4981-A797-C2E070E96C12}"/>
          </ac:spMkLst>
        </pc:spChg>
      </pc:sldChg>
      <pc:sldMasterChg chg="modSp mod modSldLayout">
        <pc:chgData name="Merve Turhan" userId="3594cd17-5953-4511-8d53-8cfc799250e7" providerId="ADAL" clId="{E225DE88-74CE-48ED-AC1F-DE1313954DC9}" dt="2022-05-20T10:25:44.810" v="5041" actId="20577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E225DE88-74CE-48ED-AC1F-DE1313954DC9}" dt="2022-05-19T14:00:04.497" v="4411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E225DE88-74CE-48ED-AC1F-DE1313954DC9}" dt="2022-05-19T14:00:04.497" v="4410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E225DE88-74CE-48ED-AC1F-DE1313954DC9}" dt="2022-05-20T10:25:44.531" v="4881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E225DE88-74CE-48ED-AC1F-DE1313954DC9}" dt="2022-05-19T14:00:04.106" v="4202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31" v="4881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E225DE88-74CE-48ED-AC1F-DE1313954DC9}" dt="2022-05-19T14:00:04.116" v="4206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E225DE88-74CE-48ED-AC1F-DE1313954DC9}" dt="2022-05-19T14:00:04.106" v="4199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E225DE88-74CE-48ED-AC1F-DE1313954DC9}" dt="2022-05-19T14:00:04.106" v="4203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06" v="4204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06" v="4201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06" v="4200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46" v="4889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E225DE88-74CE-48ED-AC1F-DE1313954DC9}" dt="2022-05-19T14:00:04.124" v="4215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E225DE88-74CE-48ED-AC1F-DE1313954DC9}" dt="2022-05-20T10:25:44.546" v="4889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E225DE88-74CE-48ED-AC1F-DE1313954DC9}" dt="2022-05-19T14:00:04.124" v="4216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E225DE88-74CE-48ED-AC1F-DE1313954DC9}" dt="2022-05-19T14:00:04.124" v="4217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E225DE88-74CE-48ED-AC1F-DE1313954DC9}" dt="2022-05-19T14:00:04.124" v="4219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54" v="4893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E225DE88-74CE-48ED-AC1F-DE1313954DC9}" dt="2022-05-20T10:25:44.554" v="4893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E225DE88-74CE-48ED-AC1F-DE1313954DC9}" dt="2022-05-19T14:00:04.136" v="4221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E225DE88-74CE-48ED-AC1F-DE1313954DC9}" dt="2022-05-19T14:00:04.136" v="4222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E225DE88-74CE-48ED-AC1F-DE1313954DC9}" dt="2022-05-19T14:00:04.136" v="4224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E225DE88-74CE-48ED-AC1F-DE1313954DC9}" dt="2022-05-19T14:00:04.134" v="4220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64" v="4897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E225DE88-74CE-48ED-AC1F-DE1313954DC9}" dt="2022-05-19T14:00:04.136" v="4225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64" v="4897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E225DE88-74CE-48ED-AC1F-DE1313954DC9}" dt="2022-05-19T14:00:04.144" v="4229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E225DE88-74CE-48ED-AC1F-DE1313954DC9}" dt="2022-05-19T14:00:04.136" v="4226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E225DE88-74CE-48ED-AC1F-DE1313954DC9}" dt="2022-05-19T14:00:04.144" v="4227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74" v="4901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E225DE88-74CE-48ED-AC1F-DE1313954DC9}" dt="2022-05-19T14:00:04.144" v="4230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74" v="4901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E225DE88-74CE-48ED-AC1F-DE1313954DC9}" dt="2022-05-19T14:00:04.144" v="4234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E225DE88-74CE-48ED-AC1F-DE1313954DC9}" dt="2022-05-19T14:00:04.144" v="4231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E225DE88-74CE-48ED-AC1F-DE1313954DC9}" dt="2022-05-19T14:00:04.144" v="4232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82" v="4905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E225DE88-74CE-48ED-AC1F-DE1313954DC9}" dt="2022-05-19T14:00:04.154" v="4235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82" v="4905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E225DE88-74CE-48ED-AC1F-DE1313954DC9}" dt="2022-05-19T14:00:04.156" v="4239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E225DE88-74CE-48ED-AC1F-DE1313954DC9}" dt="2022-05-19T14:00:04.156" v="4236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E225DE88-74CE-48ED-AC1F-DE1313954DC9}" dt="2022-05-19T14:00:04.156" v="4237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93" v="4909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E225DE88-74CE-48ED-AC1F-DE1313954DC9}" dt="2022-05-19T14:00:04.156" v="4240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93" v="4909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E225DE88-74CE-48ED-AC1F-DE1313954DC9}" dt="2022-05-19T14:00:04.164" v="4244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E225DE88-74CE-48ED-AC1F-DE1313954DC9}" dt="2022-05-19T14:00:04.156" v="4241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E225DE88-74CE-48ED-AC1F-DE1313954DC9}" dt="2022-05-19T14:00:04.164" v="4242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00" v="4913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E225DE88-74CE-48ED-AC1F-DE1313954DC9}" dt="2022-05-19T14:00:04.164" v="4245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00" v="4913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E225DE88-74CE-48ED-AC1F-DE1313954DC9}" dt="2022-05-19T14:00:04.164" v="4249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E225DE88-74CE-48ED-AC1F-DE1313954DC9}" dt="2022-05-19T14:00:04.164" v="4246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E225DE88-74CE-48ED-AC1F-DE1313954DC9}" dt="2022-05-19T14:00:04.164" v="4247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07" v="4917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E225DE88-74CE-48ED-AC1F-DE1313954DC9}" dt="2022-05-19T14:00:04.174" v="4250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07" v="4917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E225DE88-74CE-48ED-AC1F-DE1313954DC9}" dt="2022-05-19T14:00:04.176" v="4254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E225DE88-74CE-48ED-AC1F-DE1313954DC9}" dt="2022-05-19T14:00:04.176" v="4251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E225DE88-74CE-48ED-AC1F-DE1313954DC9}" dt="2022-05-19T14:00:04.176" v="4252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13" v="4921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E225DE88-74CE-48ED-AC1F-DE1313954DC9}" dt="2022-05-20T10:25:44.613" v="4921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E225DE88-74CE-48ED-AC1F-DE1313954DC9}" dt="2022-05-19T14:00:04.184" v="4258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E225DE88-74CE-48ED-AC1F-DE1313954DC9}" dt="2022-05-19T14:00:04.176" v="4255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E225DE88-74CE-48ED-AC1F-DE1313954DC9}" dt="2022-05-19T14:00:04.184" v="4256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19" v="4925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E225DE88-74CE-48ED-AC1F-DE1313954DC9}" dt="2022-05-20T10:25:44.619" v="4925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E225DE88-74CE-48ED-AC1F-DE1313954DC9}" dt="2022-05-19T14:00:04.184" v="4261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E225DE88-74CE-48ED-AC1F-DE1313954DC9}" dt="2022-05-19T14:00:04.184" v="4259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32" v="4933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E225DE88-74CE-48ED-AC1F-DE1313954DC9}" dt="2022-05-20T10:25:44.632" v="4933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E225DE88-74CE-48ED-AC1F-DE1313954DC9}" dt="2022-05-19T14:00:04.195" v="4264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97" v="4266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83" v="4965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E225DE88-74CE-48ED-AC1F-DE1313954DC9}" dt="2022-05-19T14:00:04.235" v="4296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E225DE88-74CE-48ED-AC1F-DE1313954DC9}" dt="2022-05-19T14:00:04.235" v="4295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83" v="4965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E225DE88-74CE-48ED-AC1F-DE1313954DC9}" dt="2022-05-19T14:00:04.235" v="4298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29" v="499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E225DE88-74CE-48ED-AC1F-DE1313954DC9}" dt="2022-05-19T14:00:04.282" v="4326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82" v="4327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82" v="4325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E225DE88-74CE-48ED-AC1F-DE1313954DC9}" dt="2022-05-20T10:25:44.729" v="499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E225DE88-74CE-48ED-AC1F-DE1313954DC9}" dt="2022-05-19T14:00:04.298" v="4329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37" v="4997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E225DE88-74CE-48ED-AC1F-DE1313954DC9}" dt="2022-05-19T14:00:04.298" v="4332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98" v="4330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E225DE88-74CE-48ED-AC1F-DE1313954DC9}" dt="2022-05-19T14:00:04.298" v="4331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37" v="4997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E225DE88-74CE-48ED-AC1F-DE1313954DC9}" dt="2022-05-19T14:00:04.298" v="4334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77" v="5021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E225DE88-74CE-48ED-AC1F-DE1313954DC9}" dt="2022-05-19T14:00:04.351" v="4362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51" v="4363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51" v="4361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E225DE88-74CE-48ED-AC1F-DE1313954DC9}" dt="2022-05-19T14:00:04.351" v="4364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77" v="5021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E225DE88-74CE-48ED-AC1F-DE1313954DC9}" dt="2022-05-19T14:00:04.367" v="4366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83" v="5025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E225DE88-74CE-48ED-AC1F-DE1313954DC9}" dt="2022-05-19T14:00:04.367" v="4368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67" v="4369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67" v="4367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E225DE88-74CE-48ED-AC1F-DE1313954DC9}" dt="2022-05-19T14:00:04.367" v="4370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67" v="4371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83" v="5025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E225DE88-74CE-48ED-AC1F-DE1313954DC9}" dt="2022-05-19T14:00:04.382" v="4373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89" v="5029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E225DE88-74CE-48ED-AC1F-DE1313954DC9}" dt="2022-05-19T14:00:04.382" v="4375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82" v="4376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82" v="4374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E225DE88-74CE-48ED-AC1F-DE1313954DC9}" dt="2022-05-19T14:00:04.382" v="4377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82" v="4378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89" v="5029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E225DE88-74CE-48ED-AC1F-DE1313954DC9}" dt="2022-05-19T14:00:04.382" v="4380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98" v="5033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E225DE88-74CE-48ED-AC1F-DE1313954DC9}" dt="2022-05-19T14:00:04.398" v="4382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98" v="4383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82" v="4381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E225DE88-74CE-48ED-AC1F-DE1313954DC9}" dt="2022-05-19T14:00:04.398" v="4384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98" v="4385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98" v="5033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E225DE88-74CE-48ED-AC1F-DE1313954DC9}" dt="2022-05-19T14:00:04.398" v="4387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810" v="5041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E225DE88-74CE-48ED-AC1F-DE1313954DC9}" dt="2022-05-19T14:00:04.413" v="4396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29" v="4397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29" v="4398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29" v="4399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36" v="4401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36" v="4400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36" v="4403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36" v="4402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13" v="4395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E225DE88-74CE-48ED-AC1F-DE1313954DC9}" dt="2022-05-20T10:25:44.810" v="5041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E225DE88-74CE-48ED-AC1F-DE1313954DC9}" dt="2022-05-19T14:00:04.436" v="4405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03" v="4977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E225DE88-74CE-48ED-AC1F-DE1313954DC9}" dt="2022-05-19T14:00:04.251" v="4308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51" v="4307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E225DE88-74CE-48ED-AC1F-DE1313954DC9}" dt="2022-05-20T10:25:44.703" v="4977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E225DE88-74CE-48ED-AC1F-DE1313954DC9}" dt="2022-05-19T14:00:04.251" v="4310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10" v="4981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E225DE88-74CE-48ED-AC1F-DE1313954DC9}" dt="2022-05-19T14:00:04.266" v="4313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E225DE88-74CE-48ED-AC1F-DE1313954DC9}" dt="2022-05-19T14:00:04.266" v="4312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66" v="4311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10" v="4981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E225DE88-74CE-48ED-AC1F-DE1313954DC9}" dt="2022-05-19T14:00:04.266" v="4315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16" v="4985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E225DE88-74CE-48ED-AC1F-DE1313954DC9}" dt="2022-05-19T14:00:04.266" v="4317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66" v="4316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E225DE88-74CE-48ED-AC1F-DE1313954DC9}" dt="2022-05-20T10:25:44.716" v="4985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E225DE88-74CE-48ED-AC1F-DE1313954DC9}" dt="2022-05-19T14:00:04.266" v="4319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23" v="4989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E225DE88-74CE-48ED-AC1F-DE1313954DC9}" dt="2022-05-19T14:00:04.282" v="4322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E225DE88-74CE-48ED-AC1F-DE1313954DC9}" dt="2022-05-19T14:00:04.282" v="4321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82" v="4320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23" v="4989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E225DE88-74CE-48ED-AC1F-DE1313954DC9}" dt="2022-05-19T14:00:04.282" v="4324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43" v="5001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E225DE88-74CE-48ED-AC1F-DE1313954DC9}" dt="2022-05-19T14:00:04.298" v="4336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13" v="4337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98" v="4335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E225DE88-74CE-48ED-AC1F-DE1313954DC9}" dt="2022-05-20T10:25:44.743" v="5001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E225DE88-74CE-48ED-AC1F-DE1313954DC9}" dt="2022-05-19T14:00:04.313" v="4339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50" v="5005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E225DE88-74CE-48ED-AC1F-DE1313954DC9}" dt="2022-05-19T14:00:04.313" v="4341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13" v="4342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13" v="4340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E225DE88-74CE-48ED-AC1F-DE1313954DC9}" dt="2022-05-20T10:25:44.750" v="5005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E225DE88-74CE-48ED-AC1F-DE1313954DC9}" dt="2022-05-19T14:00:04.313" v="4344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56" v="5009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E225DE88-74CE-48ED-AC1F-DE1313954DC9}" dt="2022-05-19T14:00:04.329" v="4346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13" v="4345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E225DE88-74CE-48ED-AC1F-DE1313954DC9}" dt="2022-05-19T14:00:04.329" v="4347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56" v="5009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E225DE88-74CE-48ED-AC1F-DE1313954DC9}" dt="2022-05-19T14:00:04.335" v="4349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62" v="5013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E225DE88-74CE-48ED-AC1F-DE1313954DC9}" dt="2022-05-19T14:00:04.335" v="4350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E225DE88-74CE-48ED-AC1F-DE1313954DC9}" dt="2022-05-19T14:00:04.335" v="4351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35" v="4352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62" v="5013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E225DE88-74CE-48ED-AC1F-DE1313954DC9}" dt="2022-05-19T14:00:04.335" v="4354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804" v="503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E225DE88-74CE-48ED-AC1F-DE1313954DC9}" dt="2022-05-19T14:00:04.398" v="4389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13" v="4390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13" v="4391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13" v="4392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E225DE88-74CE-48ED-AC1F-DE1313954DC9}" dt="2022-05-19T14:00:04.398" v="4388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E225DE88-74CE-48ED-AC1F-DE1313954DC9}" dt="2022-05-20T10:25:44.804" v="503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E225DE88-74CE-48ED-AC1F-DE1313954DC9}" dt="2022-05-19T14:00:04.413" v="4394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26" v="4929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E225DE88-74CE-48ED-AC1F-DE1313954DC9}" dt="2022-05-20T10:25:44.626" v="4929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E225DE88-74CE-48ED-AC1F-DE1313954DC9}" dt="2022-05-19T14:00:04.184" v="4263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19T14:00:04.436" v="4406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E225DE88-74CE-48ED-AC1F-DE1313954DC9}" dt="2022-05-19T14:00:04.436" v="4406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38" v="4885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E225DE88-74CE-48ED-AC1F-DE1313954DC9}" dt="2022-05-19T14:00:04.116" v="4210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E225DE88-74CE-48ED-AC1F-DE1313954DC9}" dt="2022-05-19T14:00:04.116" v="4211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E225DE88-74CE-48ED-AC1F-DE1313954DC9}" dt="2022-05-19T14:00:04.124" v="4212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E225DE88-74CE-48ED-AC1F-DE1313954DC9}" dt="2022-05-20T10:25:44.538" v="4885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E225DE88-74CE-48ED-AC1F-DE1313954DC9}" dt="2022-05-19T14:00:04.124" v="4214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E225DE88-74CE-48ED-AC1F-DE1313954DC9}" dt="2022-05-19T14:00:04.116" v="4207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E225DE88-74CE-48ED-AC1F-DE1313954DC9}" dt="2022-05-19T14:00:04.116" v="4209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16" v="4208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98" v="497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E225DE88-74CE-48ED-AC1F-DE1313954DC9}" dt="2022-05-19T14:00:04.251" v="4304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E225DE88-74CE-48ED-AC1F-DE1313954DC9}" dt="2022-05-19T14:00:04.251" v="4303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E225DE88-74CE-48ED-AC1F-DE1313954DC9}" dt="2022-05-20T10:25:44.698" v="497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E225DE88-74CE-48ED-AC1F-DE1313954DC9}" dt="2022-05-19T14:00:04.251" v="4306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70" v="5017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E225DE88-74CE-48ED-AC1F-DE1313954DC9}" dt="2022-05-19T14:00:04.335" v="4356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51" v="4358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E225DE88-74CE-48ED-AC1F-DE1313954DC9}" dt="2022-05-19T14:00:04.351" v="4357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70" v="5017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E225DE88-74CE-48ED-AC1F-DE1313954DC9}" dt="2022-05-19T14:00:04.335" v="4355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E225DE88-74CE-48ED-AC1F-DE1313954DC9}" dt="2022-05-19T14:00:04.351" v="4360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39" v="4937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E225DE88-74CE-48ED-AC1F-DE1313954DC9}" dt="2022-05-19T14:00:04.197" v="4267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197" v="4268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39" v="4937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E225DE88-74CE-48ED-AC1F-DE1313954DC9}" dt="2022-05-19T14:00:04.197" v="4270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46" v="4941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E225DE88-74CE-48ED-AC1F-DE1313954DC9}" dt="2022-05-19T14:00:04.205" v="4271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05" v="4272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46" v="4941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E225DE88-74CE-48ED-AC1F-DE1313954DC9}" dt="2022-05-19T14:00:04.205" v="4274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52" v="4945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E225DE88-74CE-48ED-AC1F-DE1313954DC9}" dt="2022-05-19T14:00:04.205" v="4275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05" v="4276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52" v="4945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E225DE88-74CE-48ED-AC1F-DE1313954DC9}" dt="2022-05-19T14:00:04.205" v="4278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59" v="4949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E225DE88-74CE-48ED-AC1F-DE1313954DC9}" dt="2022-05-19T14:00:04.215" v="4279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17" v="4280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59" v="4949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E225DE88-74CE-48ED-AC1F-DE1313954DC9}" dt="2022-05-19T14:00:04.220" v="4282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65" v="4953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E225DE88-74CE-48ED-AC1F-DE1313954DC9}" dt="2022-05-19T14:00:04.220" v="4283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20" v="4284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65" v="4953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E225DE88-74CE-48ED-AC1F-DE1313954DC9}" dt="2022-05-19T14:00:04.225" v="4286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71" v="4957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E225DE88-74CE-48ED-AC1F-DE1313954DC9}" dt="2022-05-19T14:00:04.225" v="4287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25" v="4288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71" v="4957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E225DE88-74CE-48ED-AC1F-DE1313954DC9}" dt="2022-05-19T14:00:04.225" v="4290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77" v="4961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E225DE88-74CE-48ED-AC1F-DE1313954DC9}" dt="2022-05-19T14:00:04.225" v="4291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25" v="4292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77" v="4961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E225DE88-74CE-48ED-AC1F-DE1313954DC9}" dt="2022-05-19T14:00:04.235" v="4294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19T14:00:04.451" v="4408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E225DE88-74CE-48ED-AC1F-DE1313954DC9}" dt="2022-05-19T14:00:04.451" v="4407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E225DE88-74CE-48ED-AC1F-DE1313954DC9}" dt="2022-05-19T14:00:04.451" v="4408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19T14:00:04.497" v="4409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E225DE88-74CE-48ED-AC1F-DE1313954DC9}" dt="2022-05-19T14:00:04.497" v="4409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91" v="4969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E225DE88-74CE-48ED-AC1F-DE1313954DC9}" dt="2022-05-19T14:00:04.235" v="4300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E225DE88-74CE-48ED-AC1F-DE1313954DC9}" dt="2022-05-19T14:00:04.235" v="4299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91" v="4969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E225DE88-74CE-48ED-AC1F-DE1313954DC9}" dt="2022-05-19T14:00:04.251" v="4302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Christoph Baumann" userId="S::christoph.baumann@ericsson.com::9bea4e68-2bd1-408a-887a-10278fa030e6" providerId="AD" clId="Web-{B0EBA1CC-D211-78CF-6D9C-214202E5C848}"/>
    <pc:docChg chg="modSld">
      <pc:chgData name="Christoph Baumann" userId="S::christoph.baumann@ericsson.com::9bea4e68-2bd1-408a-887a-10278fa030e6" providerId="AD" clId="Web-{B0EBA1CC-D211-78CF-6D9C-214202E5C848}" dt="2022-05-19T10:23:00.162" v="8" actId="20577"/>
      <pc:docMkLst>
        <pc:docMk/>
      </pc:docMkLst>
      <pc:sldChg chg="modSp">
        <pc:chgData name="Christoph Baumann" userId="S::christoph.baumann@ericsson.com::9bea4e68-2bd1-408a-887a-10278fa030e6" providerId="AD" clId="Web-{B0EBA1CC-D211-78CF-6D9C-214202E5C848}" dt="2022-05-19T10:19:52.527" v="4" actId="14100"/>
        <pc:sldMkLst>
          <pc:docMk/>
          <pc:sldMk cId="2918085937" sldId="541"/>
        </pc:sldMkLst>
        <pc:spChg chg="mod">
          <ac:chgData name="Christoph Baumann" userId="S::christoph.baumann@ericsson.com::9bea4e68-2bd1-408a-887a-10278fa030e6" providerId="AD" clId="Web-{B0EBA1CC-D211-78CF-6D9C-214202E5C848}" dt="2022-05-19T10:19:52.527" v="4" actId="14100"/>
          <ac:spMkLst>
            <pc:docMk/>
            <pc:sldMk cId="2918085937" sldId="541"/>
            <ac:spMk id="11" creationId="{BCC731BB-6CD1-4A29-8874-40982B5D801B}"/>
          </ac:spMkLst>
        </pc:spChg>
      </pc:sldChg>
      <pc:sldChg chg="modSp">
        <pc:chgData name="Christoph Baumann" userId="S::christoph.baumann@ericsson.com::9bea4e68-2bd1-408a-887a-10278fa030e6" providerId="AD" clId="Web-{B0EBA1CC-D211-78CF-6D9C-214202E5C848}" dt="2022-05-19T10:23:00.162" v="8" actId="20577"/>
        <pc:sldMkLst>
          <pc:docMk/>
          <pc:sldMk cId="3694123121" sldId="543"/>
        </pc:sldMkLst>
        <pc:spChg chg="mod">
          <ac:chgData name="Christoph Baumann" userId="S::christoph.baumann@ericsson.com::9bea4e68-2bd1-408a-887a-10278fa030e6" providerId="AD" clId="Web-{B0EBA1CC-D211-78CF-6D9C-214202E5C848}" dt="2022-05-19T10:23:00.162" v="8" actId="20577"/>
          <ac:spMkLst>
            <pc:docMk/>
            <pc:sldMk cId="3694123121" sldId="543"/>
            <ac:spMk id="5" creationId="{A20EBC35-F23D-4525-BB82-F72793A48090}"/>
          </ac:spMkLst>
        </pc:spChg>
      </pc:sldChg>
      <pc:sldChg chg="modSp">
        <pc:chgData name="Christoph Baumann" userId="S::christoph.baumann@ericsson.com::9bea4e68-2bd1-408a-887a-10278fa030e6" providerId="AD" clId="Web-{B0EBA1CC-D211-78CF-6D9C-214202E5C848}" dt="2022-05-19T10:21:21.766" v="6" actId="20577"/>
        <pc:sldMkLst>
          <pc:docMk/>
          <pc:sldMk cId="2909941548" sldId="562"/>
        </pc:sldMkLst>
        <pc:spChg chg="mod">
          <ac:chgData name="Christoph Baumann" userId="S::christoph.baumann@ericsson.com::9bea4e68-2bd1-408a-887a-10278fa030e6" providerId="AD" clId="Web-{B0EBA1CC-D211-78CF-6D9C-214202E5C848}" dt="2022-05-19T10:21:21.766" v="6" actId="20577"/>
          <ac:spMkLst>
            <pc:docMk/>
            <pc:sldMk cId="2909941548" sldId="562"/>
            <ac:spMk id="2" creationId="{867D2DCC-C508-4918-9142-29578F98A877}"/>
          </ac:spMkLst>
        </pc:spChg>
      </pc:sldChg>
    </pc:docChg>
  </pc:docChgLst>
  <pc:docChgLst>
    <pc:chgData name="Thomas Nyman" userId="S::thomas.nyman@ericsson.com::ac62be27-690b-42bb-ae39-d787d15a1823" providerId="AD" clId="Web-{7728684B-491D-4B50-9C2B-571331F08361}"/>
    <pc:docChg chg="addSld modSld">
      <pc:chgData name="Thomas Nyman" userId="S::thomas.nyman@ericsson.com::ac62be27-690b-42bb-ae39-d787d15a1823" providerId="AD" clId="Web-{7728684B-491D-4B50-9C2B-571331F08361}" dt="2022-06-17T10:12:03.589" v="107" actId="1076"/>
      <pc:docMkLst>
        <pc:docMk/>
      </pc:docMkLst>
      <pc:sldChg chg="addSp modSp add mod replId modShow">
        <pc:chgData name="Thomas Nyman" userId="S::thomas.nyman@ericsson.com::ac62be27-690b-42bb-ae39-d787d15a1823" providerId="AD" clId="Web-{7728684B-491D-4B50-9C2B-571331F08361}" dt="2022-06-17T10:12:03.589" v="107" actId="1076"/>
        <pc:sldMkLst>
          <pc:docMk/>
          <pc:sldMk cId="3956666210" sldId="573"/>
        </pc:sldMkLst>
        <pc:spChg chg="mod">
          <ac:chgData name="Thomas Nyman" userId="S::thomas.nyman@ericsson.com::ac62be27-690b-42bb-ae39-d787d15a1823" providerId="AD" clId="Web-{7728684B-491D-4B50-9C2B-571331F08361}" dt="2022-06-17T10:10:43.506" v="85" actId="20577"/>
          <ac:spMkLst>
            <pc:docMk/>
            <pc:sldMk cId="3956666210" sldId="573"/>
            <ac:spMk id="3" creationId="{78CC4CBF-7F47-4C01-81FA-729052729DDA}"/>
          </ac:spMkLst>
        </pc:spChg>
        <pc:spChg chg="add mod">
          <ac:chgData name="Thomas Nyman" userId="S::thomas.nyman@ericsson.com::ac62be27-690b-42bb-ae39-d787d15a1823" providerId="AD" clId="Web-{7728684B-491D-4B50-9C2B-571331F08361}" dt="2022-06-17T10:12:03.589" v="107" actId="1076"/>
          <ac:spMkLst>
            <pc:docMk/>
            <pc:sldMk cId="3956666210" sldId="573"/>
            <ac:spMk id="4" creationId="{09A05C6D-44A8-0497-0D54-DA444A3D2D07}"/>
          </ac:spMkLst>
        </pc:spChg>
      </pc:sldChg>
    </pc:docChg>
  </pc:docChgLst>
  <pc:docChgLst>
    <pc:chgData name="Hans Eriksson" userId="b692df88-2634-4386-a259-cab14d0e85c3" providerId="ADAL" clId="{C78FC0ED-179D-471C-B5A1-AAFAF4C6BDE2}"/>
    <pc:docChg chg="custSel modMainMaster">
      <pc:chgData name="Hans Eriksson" userId="b692df88-2634-4386-a259-cab14d0e85c3" providerId="ADAL" clId="{C78FC0ED-179D-471C-B5A1-AAFAF4C6BDE2}" dt="2022-05-19T08:19:26.357" v="163" actId="20577"/>
      <pc:docMkLst>
        <pc:docMk/>
      </pc:docMkLst>
      <pc:sldMasterChg chg="modSldLayout">
        <pc:chgData name="Hans Eriksson" userId="b692df88-2634-4386-a259-cab14d0e85c3" providerId="ADAL" clId="{C78FC0ED-179D-471C-B5A1-AAFAF4C6BDE2}" dt="2022-05-19T08:19:26.357" v="163" actId="20577"/>
        <pc:sldMasterMkLst>
          <pc:docMk/>
          <pc:sldMasterMk cId="2523064765" sldId="2147483660"/>
        </pc:sldMasterMkLst>
        <pc:sldLayoutChg chg="modSp mod">
          <pc:chgData name="Hans Eriksson" userId="b692df88-2634-4386-a259-cab14d0e85c3" providerId="ADAL" clId="{C78FC0ED-179D-471C-B5A1-AAFAF4C6BDE2}" dt="2022-05-19T08:19:26.030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Hans Eriksson" userId="b692df88-2634-4386-a259-cab14d0e85c3" providerId="ADAL" clId="{C78FC0ED-179D-471C-B5A1-AAFAF4C6BDE2}" dt="2022-05-19T08:19:26.030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53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Hans Eriksson" userId="b692df88-2634-4386-a259-cab14d0e85c3" providerId="ADAL" clId="{C78FC0ED-179D-471C-B5A1-AAFAF4C6BDE2}" dt="2022-05-19T08:19:26.053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60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Hans Eriksson" userId="b692df88-2634-4386-a259-cab14d0e85c3" providerId="ADAL" clId="{C78FC0ED-179D-471C-B5A1-AAFAF4C6BDE2}" dt="2022-05-19T08:19:26.060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71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Hans Eriksson" userId="b692df88-2634-4386-a259-cab14d0e85c3" providerId="ADAL" clId="{C78FC0ED-179D-471C-B5A1-AAFAF4C6BDE2}" dt="2022-05-19T08:19:26.071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79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Hans Eriksson" userId="b692df88-2634-4386-a259-cab14d0e85c3" providerId="ADAL" clId="{C78FC0ED-179D-471C-B5A1-AAFAF4C6BDE2}" dt="2022-05-19T08:19:26.079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91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Hans Eriksson" userId="b692df88-2634-4386-a259-cab14d0e85c3" providerId="ADAL" clId="{C78FC0ED-179D-471C-B5A1-AAFAF4C6BDE2}" dt="2022-05-19T08:19:26.091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01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Hans Eriksson" userId="b692df88-2634-4386-a259-cab14d0e85c3" providerId="ADAL" clId="{C78FC0ED-179D-471C-B5A1-AAFAF4C6BDE2}" dt="2022-05-19T08:19:26.101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08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Hans Eriksson" userId="b692df88-2634-4386-a259-cab14d0e85c3" providerId="ADAL" clId="{C78FC0ED-179D-471C-B5A1-AAFAF4C6BDE2}" dt="2022-05-19T08:19:26.108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17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Hans Eriksson" userId="b692df88-2634-4386-a259-cab14d0e85c3" providerId="ADAL" clId="{C78FC0ED-179D-471C-B5A1-AAFAF4C6BDE2}" dt="2022-05-19T08:19:26.117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24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Hans Eriksson" userId="b692df88-2634-4386-a259-cab14d0e85c3" providerId="ADAL" clId="{C78FC0ED-179D-471C-B5A1-AAFAF4C6BDE2}" dt="2022-05-19T08:19:26.124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32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Hans Eriksson" userId="b692df88-2634-4386-a259-cab14d0e85c3" providerId="ADAL" clId="{C78FC0ED-179D-471C-B5A1-AAFAF4C6BDE2}" dt="2022-05-19T08:19:26.132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46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Hans Eriksson" userId="b692df88-2634-4386-a259-cab14d0e85c3" providerId="ADAL" clId="{C78FC0ED-179D-471C-B5A1-AAFAF4C6BDE2}" dt="2022-05-19T08:19:26.146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08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Hans Eriksson" userId="b692df88-2634-4386-a259-cab14d0e85c3" providerId="ADAL" clId="{C78FC0ED-179D-471C-B5A1-AAFAF4C6BDE2}" dt="2022-05-19T08:19:26.208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63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Hans Eriksson" userId="b692df88-2634-4386-a259-cab14d0e85c3" providerId="ADAL" clId="{C78FC0ED-179D-471C-B5A1-AAFAF4C6BDE2}" dt="2022-05-19T08:19:26.263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70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Hans Eriksson" userId="b692df88-2634-4386-a259-cab14d0e85c3" providerId="ADAL" clId="{C78FC0ED-179D-471C-B5A1-AAFAF4C6BDE2}" dt="2022-05-19T08:19:26.270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17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Hans Eriksson" userId="b692df88-2634-4386-a259-cab14d0e85c3" providerId="ADAL" clId="{C78FC0ED-179D-471C-B5A1-AAFAF4C6BDE2}" dt="2022-05-19T08:19:26.317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25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Hans Eriksson" userId="b692df88-2634-4386-a259-cab14d0e85c3" providerId="ADAL" clId="{C78FC0ED-179D-471C-B5A1-AAFAF4C6BDE2}" dt="2022-05-19T08:19:26.325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33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Hans Eriksson" userId="b692df88-2634-4386-a259-cab14d0e85c3" providerId="ADAL" clId="{C78FC0ED-179D-471C-B5A1-AAFAF4C6BDE2}" dt="2022-05-19T08:19:26.333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40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Hans Eriksson" userId="b692df88-2634-4386-a259-cab14d0e85c3" providerId="ADAL" clId="{C78FC0ED-179D-471C-B5A1-AAFAF4C6BDE2}" dt="2022-05-19T08:19:26.340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57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Hans Eriksson" userId="b692df88-2634-4386-a259-cab14d0e85c3" providerId="ADAL" clId="{C78FC0ED-179D-471C-B5A1-AAFAF4C6BDE2}" dt="2022-05-19T08:19:26.357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33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Hans Eriksson" userId="b692df88-2634-4386-a259-cab14d0e85c3" providerId="ADAL" clId="{C78FC0ED-179D-471C-B5A1-AAFAF4C6BDE2}" dt="2022-05-19T08:19:26.233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41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Hans Eriksson" userId="b692df88-2634-4386-a259-cab14d0e85c3" providerId="ADAL" clId="{C78FC0ED-179D-471C-B5A1-AAFAF4C6BDE2}" dt="2022-05-19T08:19:26.241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49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Hans Eriksson" userId="b692df88-2634-4386-a259-cab14d0e85c3" providerId="ADAL" clId="{C78FC0ED-179D-471C-B5A1-AAFAF4C6BDE2}" dt="2022-05-19T08:19:26.249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56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Hans Eriksson" userId="b692df88-2634-4386-a259-cab14d0e85c3" providerId="ADAL" clId="{C78FC0ED-179D-471C-B5A1-AAFAF4C6BDE2}" dt="2022-05-19T08:19:26.256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78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Hans Eriksson" userId="b692df88-2634-4386-a259-cab14d0e85c3" providerId="ADAL" clId="{C78FC0ED-179D-471C-B5A1-AAFAF4C6BDE2}" dt="2022-05-19T08:19:26.278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87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Hans Eriksson" userId="b692df88-2634-4386-a259-cab14d0e85c3" providerId="ADAL" clId="{C78FC0ED-179D-471C-B5A1-AAFAF4C6BDE2}" dt="2022-05-19T08:19:26.287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94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Hans Eriksson" userId="b692df88-2634-4386-a259-cab14d0e85c3" providerId="ADAL" clId="{C78FC0ED-179D-471C-B5A1-AAFAF4C6BDE2}" dt="2022-05-19T08:19:26.294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02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Hans Eriksson" userId="b692df88-2634-4386-a259-cab14d0e85c3" providerId="ADAL" clId="{C78FC0ED-179D-471C-B5A1-AAFAF4C6BDE2}" dt="2022-05-19T08:19:26.302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48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Hans Eriksson" userId="b692df88-2634-4386-a259-cab14d0e85c3" providerId="ADAL" clId="{C78FC0ED-179D-471C-B5A1-AAFAF4C6BDE2}" dt="2022-05-19T08:19:26.348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39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Hans Eriksson" userId="b692df88-2634-4386-a259-cab14d0e85c3" providerId="ADAL" clId="{C78FC0ED-179D-471C-B5A1-AAFAF4C6BDE2}" dt="2022-05-19T08:19:26.139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42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Hans Eriksson" userId="b692df88-2634-4386-a259-cab14d0e85c3" providerId="ADAL" clId="{C78FC0ED-179D-471C-B5A1-AAFAF4C6BDE2}" dt="2022-05-19T08:19:26.042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24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Hans Eriksson" userId="b692df88-2634-4386-a259-cab14d0e85c3" providerId="ADAL" clId="{C78FC0ED-179D-471C-B5A1-AAFAF4C6BDE2}" dt="2022-05-19T08:19:26.224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09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Hans Eriksson" userId="b692df88-2634-4386-a259-cab14d0e85c3" providerId="ADAL" clId="{C78FC0ED-179D-471C-B5A1-AAFAF4C6BDE2}" dt="2022-05-19T08:19:26.309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54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Hans Eriksson" userId="b692df88-2634-4386-a259-cab14d0e85c3" providerId="ADAL" clId="{C78FC0ED-179D-471C-B5A1-AAFAF4C6BDE2}" dt="2022-05-19T08:19:26.154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62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Hans Eriksson" userId="b692df88-2634-4386-a259-cab14d0e85c3" providerId="ADAL" clId="{C78FC0ED-179D-471C-B5A1-AAFAF4C6BDE2}" dt="2022-05-19T08:19:26.162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70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Hans Eriksson" userId="b692df88-2634-4386-a259-cab14d0e85c3" providerId="ADAL" clId="{C78FC0ED-179D-471C-B5A1-AAFAF4C6BDE2}" dt="2022-05-19T08:19:26.170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77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Hans Eriksson" userId="b692df88-2634-4386-a259-cab14d0e85c3" providerId="ADAL" clId="{C78FC0ED-179D-471C-B5A1-AAFAF4C6BDE2}" dt="2022-05-19T08:19:26.177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85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Hans Eriksson" userId="b692df88-2634-4386-a259-cab14d0e85c3" providerId="ADAL" clId="{C78FC0ED-179D-471C-B5A1-AAFAF4C6BDE2}" dt="2022-05-19T08:19:26.185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93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Hans Eriksson" userId="b692df88-2634-4386-a259-cab14d0e85c3" providerId="ADAL" clId="{C78FC0ED-179D-471C-B5A1-AAFAF4C6BDE2}" dt="2022-05-19T08:19:26.193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02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Hans Eriksson" userId="b692df88-2634-4386-a259-cab14d0e85c3" providerId="ADAL" clId="{C78FC0ED-179D-471C-B5A1-AAFAF4C6BDE2}" dt="2022-05-19T08:19:26.202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17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Hans Eriksson" userId="b692df88-2634-4386-a259-cab14d0e85c3" providerId="ADAL" clId="{C78FC0ED-179D-471C-B5A1-AAFAF4C6BDE2}" dt="2022-05-19T08:19:26.217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ac62be27-690b-42bb-ae39-d787d15a1823" providerId="ADAL" clId="{2D4B77AF-CD7D-4761-BAB7-4F3753C2B1F7}"/>
    <pc:docChg chg="custSel modMainMaster">
      <pc:chgData name="Thomas Nyman" userId="ac62be27-690b-42bb-ae39-d787d15a1823" providerId="ADAL" clId="{2D4B77AF-CD7D-4761-BAB7-4F3753C2B1F7}" dt="2022-09-15T11:51:03.665" v="163" actId="20577"/>
      <pc:docMkLst>
        <pc:docMk/>
      </pc:docMkLst>
      <pc:sldMasterChg chg="modSldLayout">
        <pc:chgData name="Thomas Nyman" userId="ac62be27-690b-42bb-ae39-d787d15a1823" providerId="ADAL" clId="{2D4B77AF-CD7D-4761-BAB7-4F3753C2B1F7}" dt="2022-09-15T11:51:03.665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2D4B77AF-CD7D-4761-BAB7-4F3753C2B1F7}" dt="2022-09-15T11:51:03.266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2D4B77AF-CD7D-4761-BAB7-4F3753C2B1F7}" dt="2022-09-15T11:51:03.266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292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2D4B77AF-CD7D-4761-BAB7-4F3753C2B1F7}" dt="2022-09-15T11:51:03.292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02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2D4B77AF-CD7D-4761-BAB7-4F3753C2B1F7}" dt="2022-09-15T11:51:03.302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16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2D4B77AF-CD7D-4761-BAB7-4F3753C2B1F7}" dt="2022-09-15T11:51:03.316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28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2D4B77AF-CD7D-4761-BAB7-4F3753C2B1F7}" dt="2022-09-15T11:51:03.328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42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2D4B77AF-CD7D-4761-BAB7-4F3753C2B1F7}" dt="2022-09-15T11:51:03.342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55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2D4B77AF-CD7D-4761-BAB7-4F3753C2B1F7}" dt="2022-09-15T11:51:03.355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67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2D4B77AF-CD7D-4761-BAB7-4F3753C2B1F7}" dt="2022-09-15T11:51:03.367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80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2D4B77AF-CD7D-4761-BAB7-4F3753C2B1F7}" dt="2022-09-15T11:51:03.380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91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2D4B77AF-CD7D-4761-BAB7-4F3753C2B1F7}" dt="2022-09-15T11:51:03.391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00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2D4B77AF-CD7D-4761-BAB7-4F3753C2B1F7}" dt="2022-09-15T11:51:03.400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24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2D4B77AF-CD7D-4761-BAB7-4F3753C2B1F7}" dt="2022-09-15T11:51:03.424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99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2D4B77AF-CD7D-4761-BAB7-4F3753C2B1F7}" dt="2022-09-15T11:51:03.499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63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2D4B77AF-CD7D-4761-BAB7-4F3753C2B1F7}" dt="2022-09-15T11:51:03.563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72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2D4B77AF-CD7D-4761-BAB7-4F3753C2B1F7}" dt="2022-09-15T11:51:03.572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24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2D4B77AF-CD7D-4761-BAB7-4F3753C2B1F7}" dt="2022-09-15T11:51:03.624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32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2D4B77AF-CD7D-4761-BAB7-4F3753C2B1F7}" dt="2022-09-15T11:51:03.632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42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2D4B77AF-CD7D-4761-BAB7-4F3753C2B1F7}" dt="2022-09-15T11:51:03.642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49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2D4B77AF-CD7D-4761-BAB7-4F3753C2B1F7}" dt="2022-09-15T11:51:03.649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65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2D4B77AF-CD7D-4761-BAB7-4F3753C2B1F7}" dt="2022-09-15T11:51:03.665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25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2D4B77AF-CD7D-4761-BAB7-4F3753C2B1F7}" dt="2022-09-15T11:51:03.525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33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2D4B77AF-CD7D-4761-BAB7-4F3753C2B1F7}" dt="2022-09-15T11:51:03.533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43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2D4B77AF-CD7D-4761-BAB7-4F3753C2B1F7}" dt="2022-09-15T11:51:03.543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51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2D4B77AF-CD7D-4761-BAB7-4F3753C2B1F7}" dt="2022-09-15T11:51:03.551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80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2D4B77AF-CD7D-4761-BAB7-4F3753C2B1F7}" dt="2022-09-15T11:51:03.580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89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2D4B77AF-CD7D-4761-BAB7-4F3753C2B1F7}" dt="2022-09-15T11:51:03.589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97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2D4B77AF-CD7D-4761-BAB7-4F3753C2B1F7}" dt="2022-09-15T11:51:03.597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06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2D4B77AF-CD7D-4761-BAB7-4F3753C2B1F7}" dt="2022-09-15T11:51:03.606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57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2D4B77AF-CD7D-4761-BAB7-4F3753C2B1F7}" dt="2022-09-15T11:51:03.657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12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2D4B77AF-CD7D-4761-BAB7-4F3753C2B1F7}" dt="2022-09-15T11:51:03.412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280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2D4B77AF-CD7D-4761-BAB7-4F3753C2B1F7}" dt="2022-09-15T11:51:03.280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16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2D4B77AF-CD7D-4761-BAB7-4F3753C2B1F7}" dt="2022-09-15T11:51:03.516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15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2D4B77AF-CD7D-4761-BAB7-4F3753C2B1F7}" dt="2022-09-15T11:51:03.615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35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2D4B77AF-CD7D-4761-BAB7-4F3753C2B1F7}" dt="2022-09-15T11:51:03.435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47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2D4B77AF-CD7D-4761-BAB7-4F3753C2B1F7}" dt="2022-09-15T11:51:03.447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56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2D4B77AF-CD7D-4761-BAB7-4F3753C2B1F7}" dt="2022-09-15T11:51:03.456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64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2D4B77AF-CD7D-4761-BAB7-4F3753C2B1F7}" dt="2022-09-15T11:51:03.464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74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2D4B77AF-CD7D-4761-BAB7-4F3753C2B1F7}" dt="2022-09-15T11:51:03.474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83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2D4B77AF-CD7D-4761-BAB7-4F3753C2B1F7}" dt="2022-09-15T11:51:03.483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92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2D4B77AF-CD7D-4761-BAB7-4F3753C2B1F7}" dt="2022-09-15T11:51:03.492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08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2D4B77AF-CD7D-4761-BAB7-4F3753C2B1F7}" dt="2022-09-15T11:51:03.508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S::thomas.nyman@ericsson.com::ac62be27-690b-42bb-ae39-d787d15a1823" providerId="AD" clId="Web-{61273610-1112-07AE-A733-809AB96DD8F0}"/>
    <pc:docChg chg="modSld">
      <pc:chgData name="Thomas Nyman" userId="S::thomas.nyman@ericsson.com::ac62be27-690b-42bb-ae39-d787d15a1823" providerId="AD" clId="Web-{61273610-1112-07AE-A733-809AB96DD8F0}" dt="2023-10-13T12:32:35.003" v="0" actId="1076"/>
      <pc:docMkLst>
        <pc:docMk/>
      </pc:docMkLst>
      <pc:sldChg chg="modSp">
        <pc:chgData name="Thomas Nyman" userId="S::thomas.nyman@ericsson.com::ac62be27-690b-42bb-ae39-d787d15a1823" providerId="AD" clId="Web-{61273610-1112-07AE-A733-809AB96DD8F0}" dt="2023-10-13T12:32:35.003" v="0" actId="1076"/>
        <pc:sldMkLst>
          <pc:docMk/>
          <pc:sldMk cId="3417283110" sldId="585"/>
        </pc:sldMkLst>
        <pc:spChg chg="mod">
          <ac:chgData name="Thomas Nyman" userId="S::thomas.nyman@ericsson.com::ac62be27-690b-42bb-ae39-d787d15a1823" providerId="AD" clId="Web-{61273610-1112-07AE-A733-809AB96DD8F0}" dt="2023-10-13T12:32:35.003" v="0" actId="1076"/>
          <ac:spMkLst>
            <pc:docMk/>
            <pc:sldMk cId="3417283110" sldId="585"/>
            <ac:spMk id="8" creationId="{6B21DB6A-AFCE-521E-8E53-C261956078FD}"/>
          </ac:spMkLst>
        </pc:spChg>
      </pc:sldChg>
    </pc:docChg>
  </pc:docChgLst>
</pc:chgInfo>
</file>

<file path=ppt/comments/modernComment_21B_AC647375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7F20621A-E01E-4D39-8573-DC4B740D369D}" authorId="{7E4B4E89-2993-F501-948B-37F74D34D96C}" created="2023-10-13T13:06:15.867">
    <pc:sldMkLst xmlns:pc="http://schemas.microsoft.com/office/powerpoint/2013/main/command">
      <pc:docMk/>
      <pc:sldMk cId="2892264309" sldId="539"/>
    </pc:sldMkLst>
    <p188:txBody>
      <a:bodyPr/>
      <a:lstStyle/>
      <a:p>
        <a:r>
          <a:rPr lang="en-US"/>
          <a:t>I think the idea here was to change the animation: first go to failure, then discuss rewinding on the next slide, then continue animation with no fault</a:t>
        </a:r>
      </a:p>
    </p188:txBody>
  </p188:cm>
</p188:cmLst>
</file>

<file path=ppt/comments/modernComment_24F_F69FB46B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3B37653E-A8B2-4302-9272-E4143BCEF2DA}" authorId="{7E4B4E89-2993-F501-948B-37F74D34D96C}" created="2023-10-13T13:09:01.978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4137661547" sldId="591"/>
      <ac:spMk id="9" creationId="{B5F695DF-14A0-174C-8417-CF2208BE0F43}"/>
    </ac:deMkLst>
    <p188:txBody>
      <a:bodyPr/>
      <a:lstStyle/>
      <a:p>
        <a:r>
          <a:rPr lang="en-US"/>
          <a:t>I changed the Abomonation side a bit so that different vs single platform is on same line</a:t>
        </a:r>
      </a:p>
    </p188:txBody>
  </p188:cm>
</p188:cmLst>
</file>

<file path=ppt/comments/modernComment_252_58E9921A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01A63F63-537B-43F5-96D0-1974BAA8D035}" authorId="{7E4B4E89-2993-F501-948B-37F74D34D96C}" created="2023-10-13T13:11:53.840">
    <pc:sldMkLst xmlns:pc="http://schemas.microsoft.com/office/powerpoint/2013/main/command">
      <pc:docMk/>
      <pc:sldMk cId="1491702298" sldId="594"/>
    </pc:sldMkLst>
    <p188:txBody>
      <a:bodyPr/>
      <a:lstStyle/>
      <a:p>
        <a:r>
          <a:rPr lang="en-US"/>
          <a:t>wasn't there a third lesson? maybe point to abomonation in lower picture and say that serialization and deserialization can introduce significant overhead and need to be optimized</a:t>
        </a:r>
      </a:p>
    </p188:txBody>
  </p188:cm>
</p188:cmLst>
</file>

<file path=ppt/comments/modernComment_254_F9F283EC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CB78DC2E-FED9-4CDC-9111-5FB7432F192B}" authorId="{7E4B4E89-2993-F501-948B-37F74D34D96C}" created="2023-10-13T13:02:57.896">
    <pc:sldMkLst xmlns:pc="http://schemas.microsoft.com/office/powerpoint/2013/main/command">
      <pc:docMk/>
      <pc:sldMk cId="4193420268" sldId="596"/>
    </pc:sldMkLst>
    <p188:replyLst>
      <p188:reply id="{2DD1ECA2-48B0-46AF-8955-D95410F21224}" authorId="{7E4B4E89-2993-F501-948B-37F74D34D96C}" created="2023-10-13T13:04:17.553">
        <p188:txBody>
          <a:bodyPr/>
          <a:lstStyle/>
          <a:p>
            <a:r>
              <a:rPr lang="en-US"/>
              <a:t>also highlight that in-process isolation usually does not have the failure boundary?</a:t>
            </a:r>
          </a:p>
        </p188:txBody>
      </p188:reply>
    </p188:replyLst>
    <p188:txBody>
      <a:bodyPr/>
      <a:lstStyle/>
      <a:p>
        <a:r>
          <a:rPr lang="en-US"/>
          <a:t>Maybe it is obvious, but you need to mention at least how this should be applied to Rust, i.e., run the untrusted part in a different process / in-process domain so that it cannot affect the data of the safe part / can apply additional hardening on the unsafe part</a:t>
        </a:r>
      </a:p>
    </p188:txBody>
  </p188:cm>
</p188:cmLst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rustacean.net/" TargetMode="External"/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software.intel.com/en-us/articles/intel-sdm" TargetMode="External"/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e “Ferris the Crab” and “</a:t>
            </a:r>
            <a:r>
              <a:rPr lang="en-US" dirty="0" err="1"/>
              <a:t>Corro</a:t>
            </a:r>
            <a:r>
              <a:rPr lang="en-US" dirty="0"/>
              <a:t> the Unsafe </a:t>
            </a:r>
            <a:r>
              <a:rPr lang="en-US" dirty="0" err="1"/>
              <a:t>Rusturchin</a:t>
            </a:r>
            <a:r>
              <a:rPr lang="en-US" dirty="0"/>
              <a:t>” illustrations are by </a:t>
            </a:r>
            <a:r>
              <a:rPr lang="en-US" dirty="0">
                <a:effectLst/>
                <a:hlinkClick r:id="rId3" tooltip="https://www.rustacean.net/"/>
              </a:rPr>
              <a:t>Karen </a:t>
            </a:r>
            <a:r>
              <a:rPr lang="en-US" dirty="0" err="1">
                <a:effectLst/>
                <a:hlinkClick r:id="rId3" tooltip="https://www.rustacean.net/"/>
              </a:rPr>
              <a:t>Rustad</a:t>
            </a:r>
            <a:r>
              <a:rPr lang="en-US" dirty="0">
                <a:effectLst/>
                <a:hlinkClick r:id="rId3" tooltip="https://www.rustacean.net/"/>
              </a:rPr>
              <a:t> </a:t>
            </a:r>
            <a:r>
              <a:rPr lang="en-US" dirty="0" err="1">
                <a:effectLst/>
                <a:hlinkClick r:id="rId3" tooltip="https://www.rustacean.net/"/>
              </a:rPr>
              <a:t>Tölva</a:t>
            </a:r>
            <a:r>
              <a:rPr lang="en-US" dirty="0"/>
              <a:t> who has waived all copyright to the illustrations.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5019655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Upgrade snappy a bit.. Unsafe code.. Mention about different </a:t>
            </a:r>
            <a:r>
              <a:rPr lang="en-US" dirty="0" err="1"/>
              <a:t>seria</a:t>
            </a:r>
            <a:r>
              <a:rPr lang="en-US" dirty="0"/>
              <a:t>….. crates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3725683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vec</a:t>
            </a:r>
            <a:r>
              <a:rPr lang="en-US" dirty="0"/>
              <a:t>&lt;u8&gt; optimization… create speech balloon, and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30543324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akeaways.. 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4879033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16keys, 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Access rules, </a:t>
            </a: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r>
              <a:rPr lang="en-US" dirty="0">
                <a:effectLst/>
                <a:latin typeface="Arial" panose="020B0604020202020204" pitchFamily="34" charset="0"/>
              </a:rPr>
              <a:t>From </a:t>
            </a:r>
            <a:r>
              <a:rPr lang="en-US" altLang="en-US" sz="1200" dirty="0">
                <a:hlinkClick r:id="rId3"/>
              </a:rPr>
              <a:t>Intel® 64 and IA-32 Architectures Software Developer Manuals</a:t>
            </a:r>
            <a:r>
              <a:rPr lang="en-US" altLang="en-US" sz="1200" dirty="0"/>
              <a:t>. </a:t>
            </a:r>
            <a:r>
              <a:rPr lang="en-US" dirty="0">
                <a:effectLst/>
                <a:latin typeface="Arial" panose="020B0604020202020204" pitchFamily="34" charset="0"/>
              </a:rPr>
              <a:t>Vol. 3A 4-29 PAGING:</a:t>
            </a:r>
            <a:br>
              <a:rPr lang="en-US" dirty="0">
                <a:effectLst/>
                <a:latin typeface="Arial" panose="020B0604020202020204" pitchFamily="34" charset="0"/>
              </a:rPr>
            </a:br>
            <a:endParaRPr lang="en-US" dirty="0">
              <a:effectLst/>
              <a:latin typeface="Arial" panose="020B0604020202020204" pitchFamily="34" charset="0"/>
            </a:endParaRPr>
          </a:p>
          <a:p>
            <a:r>
              <a:rPr lang="en-US" b="1" dirty="0">
                <a:effectLst/>
                <a:latin typeface="Arial" panose="020B0604020202020204" pitchFamily="34" charset="0"/>
              </a:rPr>
              <a:t>Table 4-20. Format of a Page-Table Entry that Maps a 4-KByte Page</a:t>
            </a: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r>
              <a:rPr lang="en-US" dirty="0">
                <a:effectLst/>
                <a:latin typeface="Arial" panose="020B0604020202020204" pitchFamily="34" charset="0"/>
              </a:rPr>
              <a:t>0 (P)	Present; must be 1 to map a 4-KByte page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1 (R/W)	Read/write; if 0, writes may not be allowed to the 4-KByte page referenced by this entry (see Section 4.6)</a:t>
            </a:r>
            <a:br>
              <a:rPr lang="en-US" dirty="0">
                <a:effectLst/>
                <a:latin typeface="Arial" panose="020B0604020202020204" pitchFamily="34" charset="0"/>
              </a:rPr>
            </a:br>
            <a:r>
              <a:rPr lang="en-US" dirty="0">
                <a:effectLst/>
                <a:latin typeface="Arial" panose="020B0604020202020204" pitchFamily="34" charset="0"/>
              </a:rPr>
              <a:t>2 (U/S)	User/supervisor; if 0, user-mode accesses are not allowed to the 4-KByte page referenced by this entry (see Section 4.6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3 (PWT)	Page-level write-through; indirectly determines the memory type used to access the 4-KByte page referenced by this entry (see Section 4.9.2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4 (PCD)	Page-level cache disable; indirectly determines the memory type used to access the 4-KByte page referenced by this entry (see Section 4.9.2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5 (A)	Accessed; indicates whether software has accessed the 4-KByte page referenced by this entry (see Section 4.8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6 (D)	Dirty; indicates whether software has written to the 4-KByte page referenced by this entry (see Section 4.8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7 (PAT)	Indirectly determines the memory type used to access the 4-KByte page referenced by this entry (see Section 4.9.2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8 (G)	Global; if CR4.PGE = 1, determines whether the translation is global (see Section 4.10); ignored otherwise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11:9	Ignored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(M–1):12	Physical address of the 4-KByte page referenced by this entry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51:M	Reserved (must be 0)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58:52	Ignored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62:59	Protection key; if CR4.PKE = 1 or CR4.PKS = 1, this may control the page’s access rights (see Section 4.6.2); otherwise, it is not used to control access rights.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63 (XD)	If IA32_EFER.NXE = 1, execute-disable (if 1, instruction fetches are not allowed from the 4-KByte page controlled by this entry; see Section 4.6); </a:t>
            </a:r>
            <a:br>
              <a:rPr lang="en-US" dirty="0">
                <a:effectLst/>
                <a:latin typeface="Arial" panose="020B0604020202020204" pitchFamily="34" charset="0"/>
              </a:rPr>
            </a:br>
            <a:r>
              <a:rPr lang="en-US" dirty="0">
                <a:effectLst/>
                <a:latin typeface="Arial" panose="020B0604020202020204" pitchFamily="34" charset="0"/>
              </a:rPr>
              <a:t>	otherwise, reserved (must be 0)</a:t>
            </a:r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47474553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34324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1200" kern="1000" spc="-30" dirty="0">
                <a:solidFill>
                  <a:srgbClr val="181818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Rust is an emerging system language, it comes with memory safety guarantees and permontance chareasteic.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sv-SE" sz="1200" kern="1000" spc="-30" dirty="0">
              <a:solidFill>
                <a:srgbClr val="181818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1200" kern="1000" spc="-30" dirty="0">
                <a:solidFill>
                  <a:srgbClr val="181818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Rust is designed to make system diffucult to expolit by attackers, it has so strict compile time checking, and so ownership rules,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sv-SE" sz="1200" kern="1000" spc="-30" dirty="0">
              <a:solidFill>
                <a:srgbClr val="181818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9972288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1200" kern="1000" spc="-30" dirty="0">
                <a:solidFill>
                  <a:srgbClr val="181818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Use-after-free </a:t>
            </a:r>
          </a:p>
          <a:p>
            <a:r>
              <a:rPr lang="en-US" dirty="0"/>
              <a:t>Well, unlike C, Rust is a safe programming language.</a:t>
            </a:r>
          </a:p>
          <a:p>
            <a:r>
              <a:rPr lang="en-US" dirty="0"/>
              <a:t>But, like C, Rust is an unsafe programming language.</a:t>
            </a:r>
          </a:p>
          <a:p>
            <a:endParaRPr lang="en-US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Rust has a second language hidden inside it that doesn’t enforce these memory safety guarantees: it’s called </a:t>
            </a:r>
            <a:r>
              <a:rPr lang="en-US" i="1" dirty="0"/>
              <a:t>unsafe Rust</a:t>
            </a:r>
            <a:r>
              <a:rPr lang="en-US" dirty="0"/>
              <a:t> and works just like regular Rust, but gives us extra superpowers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200" kern="1000" spc="-30" dirty="0">
              <a:solidFill>
                <a:srgbClr val="181818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sv-SE" sz="1200" kern="1000" spc="-30" dirty="0">
              <a:solidFill>
                <a:srgbClr val="181818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3788099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0343913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e have an early approaches to recover vulnerable application..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6629849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48910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0201923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4980103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Only useful for the same platform..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598646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F7610722-A280-41B8-A34C-58DCFDFE7BC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056598FB-B5BC-4898-BCD4-D73968E141A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93EAB212-29EC-499D-BB39-74F46131A43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US" dirty="0"/>
            </a:br>
            <a:r>
              <a:rPr lang="en-US" dirty="0"/>
              <a:t>Ericsson Hilda Light 60pt, 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8B77FBA3-873F-46FC-8AD6-1A97A89E485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FD796156-20B2-4425-99A0-0BDB17C98A4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E2C8CB36-144E-41AF-B90E-BFCAAEDCFB9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74C049DB-43FC-48DE-95EA-53D1ED46EB5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F21563C3-B8DC-47AB-A79F-7F81B624887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D5E95A99-8F67-45D6-9B87-A73ADD54E216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BC686813-DAC2-48F8-91A6-A3DDD97D11E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A26F958A-00CD-4E3F-BD88-74827818842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1C0A5101-B14A-4CB3-9CC9-CD068542659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6A14B713-5F9B-4E36-A21F-2D716BEEE9F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BED3243D-2C8D-4D73-9DB3-A3B8E583FC4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BBF2F87F-ACDE-4ABC-A8EE-008F4A0E0C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C2EB351C-EB13-4D42-BCB7-E8A2CEB404E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2A13673B-C9DB-47AD-B37E-CDF8ACAC746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F3F7312E-B1B1-4E99-882A-D8C96B09F35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6D9E11A0-1F3B-45C7-BB85-BB02222CD2C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818812A5-C15A-402D-8B2D-00CC7B02D85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A7BA05FA-C0F7-4894-8BE0-E97AAFC05CA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76D76FE7-4BEB-45DD-923F-4F7ABB0E848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799B21FD-7CBB-4A25-9B4E-D194F3BD31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B24CA2EA-EC33-449E-B6A9-29783A8A4C0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5001214D-08D1-47D4-8404-A9A0223F9DD4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3542318A-8E76-4B31-A85B-3C103A908E7B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C80236BF-90A3-4CB6-8193-2E289FB20E9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0026EB44-71E3-45EB-8D57-2B6D05256F3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DBFB79C8-F85F-4C18-BF56-8F4C545EB37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D2128182-CB03-4FD5-B023-6A2BDB52132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91661493-54FD-43BB-9CB3-D3245BEC578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D3C316BA-4B1C-41BF-B693-3F7983E29B2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DE91747F-2B05-4A73-8C5B-6BB3592636F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4DC61A89-D3AA-4F34-9A36-6E68A814EE4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25A8F57E-6912-4216-9502-3F56F321DC5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40ED70C3-5971-400F-8C9F-CA02412CE52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DF4AFA1B-A79C-4D55-B049-91ADB983416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05075E43-15F3-44DA-B2E6-7714BB99246C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FF052E76-2836-4CCD-A181-D91552AD2A9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E75FC906-5119-4767-9FF4-FEC991E2E24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F76FCB56-D77D-4501-872D-73FD06E36E6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aa04926c-c925-4420-be79-175ff19aec0c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8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13.jpg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14.png"/><Relationship Id="rId4" Type="http://schemas.openxmlformats.org/officeDocument/2006/relationships/image" Target="../media/image10.svg"/></Relationships>
</file>

<file path=ppt/slides/_rels/slide11.xml.rels><?xml version="1.0" encoding="UTF-8" standalone="yes"?>
<Relationships xmlns="http://schemas.openxmlformats.org/package/2006/relationships"><Relationship Id="rId3" Type="http://schemas.microsoft.com/office/2018/10/relationships/comments" Target="../comments/modernComment_24F_F69FB46B.xml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4.xml"/></Relationships>
</file>

<file path=ppt/slides/_rels/slide13.xml.rels><?xml version="1.0" encoding="UTF-8" standalone="yes"?>
<Relationships xmlns="http://schemas.openxmlformats.org/package/2006/relationships"><Relationship Id="rId3" Type="http://schemas.microsoft.com/office/2018/10/relationships/comments" Target="../comments/modernComment_252_58E9921A.xml"/><Relationship Id="rId7" Type="http://schemas.openxmlformats.org/officeDocument/2006/relationships/image" Target="../media/image18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24.xml"/><Relationship Id="rId6" Type="http://schemas.openxmlformats.org/officeDocument/2006/relationships/image" Target="../media/image17.png"/><Relationship Id="rId5" Type="http://schemas.openxmlformats.org/officeDocument/2006/relationships/image" Target="../media/image16.png"/><Relationship Id="rId4" Type="http://schemas.openxmlformats.org/officeDocument/2006/relationships/image" Target="../media/image15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26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19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hyperlink" Target="https://software.intel.com/en-us/articles/intel-sdm" TargetMode="External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23.svg"/><Relationship Id="rId4" Type="http://schemas.openxmlformats.org/officeDocument/2006/relationships/image" Target="../media/image22.png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2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19.xml.rels><?xml version="1.0" encoding="UTF-8" standalone="yes"?>
<Relationships xmlns="http://schemas.openxmlformats.org/package/2006/relationships"><Relationship Id="rId3" Type="http://schemas.microsoft.com/office/2018/10/relationships/comments" Target="../comments/modernComment_21B_AC647375.xml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26.jpeg"/><Relationship Id="rId4" Type="http://schemas.openxmlformats.org/officeDocument/2006/relationships/image" Target="../media/image25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10.svg"/><Relationship Id="rId5" Type="http://schemas.openxmlformats.org/officeDocument/2006/relationships/image" Target="../media/image9.png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3.xml"/><Relationship Id="rId7" Type="http://schemas.openxmlformats.org/officeDocument/2006/relationships/hyperlink" Target="https://doc.rust-lang.org/nomicon/meet-safe-and-unsafe.html" TargetMode="Externa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Relationship Id="rId6" Type="http://schemas.openxmlformats.org/officeDocument/2006/relationships/image" Target="../media/image10.svg"/><Relationship Id="rId5" Type="http://schemas.openxmlformats.org/officeDocument/2006/relationships/image" Target="../media/image9.png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2" Type="http://schemas.microsoft.com/office/2018/10/relationships/comments" Target="../comments/modernComment_254_F9F283EC.xml"/><Relationship Id="rId1" Type="http://schemas.openxmlformats.org/officeDocument/2006/relationships/slideLayout" Target="../slideLayouts/slideLayout2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doc.rust-lang.org/std/panic/fn.catch_unwind.html" TargetMode="Externa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10332526" cy="3457576"/>
          </a:xfrm>
        </p:spPr>
        <p:txBody>
          <a:bodyPr/>
          <a:lstStyle/>
          <a:p>
            <a:r>
              <a:rPr lang="en-US" sz="6600" dirty="0">
                <a:solidFill>
                  <a:schemeClr val="tx2"/>
                </a:solidFill>
              </a:rPr>
              <a:t>Friend or Foe Inside? Exploring In-Process Isolation to Maintain Memory Safety for Unsafe Rust</a:t>
            </a:r>
            <a:br>
              <a:rPr lang="en-US" dirty="0">
                <a:solidFill>
                  <a:schemeClr val="tx2"/>
                </a:solidFill>
              </a:rPr>
            </a:b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51850" y="4241385"/>
            <a:ext cx="8132227" cy="1075121"/>
          </a:xfrm>
        </p:spPr>
        <p:txBody>
          <a:bodyPr/>
          <a:lstStyle/>
          <a:p>
            <a:pPr algn="l"/>
            <a:r>
              <a:rPr lang="en-US" sz="2000" b="1" dirty="0"/>
              <a:t>Merve Gülmez</a:t>
            </a:r>
            <a:r>
              <a:rPr lang="en-US" sz="2000" dirty="0"/>
              <a:t>, Thomas Nyman, Christoph Baumann, Jan Tobias Mühlberg</a:t>
            </a:r>
            <a:br>
              <a:rPr lang="en-US" sz="2000" dirty="0"/>
            </a:br>
            <a:r>
              <a:rPr lang="en-US" sz="1600" dirty="0"/>
              <a:t>Ericsson &amp; KU Leuven           Ericsson 	             Ericsson 	                 KU Leuven &amp; ULB 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</p:spPr>
        <p:txBody>
          <a:bodyPr/>
          <a:lstStyle/>
          <a:p>
            <a:r>
              <a:rPr lang="en-US" dirty="0"/>
              <a:t>2023/10/20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05150B8-C6FC-4105-A83A-3BD40D7FEBA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53477" y="5360414"/>
            <a:ext cx="1626454" cy="895928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5BFCFF02-7BCC-4ED6-9416-ED9FA2AFAC8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389312" y="5708672"/>
            <a:ext cx="2320142" cy="448256"/>
          </a:xfrm>
          <a:prstGeom prst="rect">
            <a:avLst/>
          </a:prstGeom>
        </p:spPr>
      </p:pic>
      <p:pic>
        <p:nvPicPr>
          <p:cNvPr id="9" name="Picture 8" descr="A black and white logo&#10;&#10;Description automatically generated with low confidence">
            <a:extLst>
              <a:ext uri="{FF2B5EF4-FFF2-40B4-BE49-F238E27FC236}">
                <a16:creationId xmlns:a16="http://schemas.microsoft.com/office/drawing/2014/main" id="{51225D09-3568-E801-BE1E-7BCF98C5374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98349" y="5228915"/>
            <a:ext cx="1550438" cy="15504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693124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3" name="Picture 32" descr="A black and white outline of a jar&#10;&#10;Description automatically generated">
            <a:extLst>
              <a:ext uri="{FF2B5EF4-FFF2-40B4-BE49-F238E27FC236}">
                <a16:creationId xmlns:a16="http://schemas.microsoft.com/office/drawing/2014/main" id="{F2EF04DE-1D49-791D-5EFF-CE4772CE9A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37314" y="1393681"/>
            <a:ext cx="1896835" cy="1859324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C167292-8ADD-0FDB-CBCF-D3622221CF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sz="4000" dirty="0">
                <a:latin typeface="+mn-lt"/>
              </a:rPr>
              <a:t>Track the Rust data types of the argumen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0D78F04-3089-A395-7AB5-15E7D48B7D30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3762375"/>
            <a:ext cx="11233150" cy="2505075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Serialization</a:t>
            </a:r>
            <a:r>
              <a:rPr lang="en-US" dirty="0"/>
              <a:t> encodes data into a format for storage or transmission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b="1" dirty="0"/>
              <a:t>Deserialization</a:t>
            </a:r>
            <a:r>
              <a:rPr lang="en-US" dirty="0"/>
              <a:t> is the reverse process, decoding serialized data back to its original form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 algn="ctr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B8E5EC3-9301-1737-C378-41A5780FC828}"/>
              </a:ext>
            </a:extLst>
          </p:cNvPr>
          <p:cNvSpPr txBox="1"/>
          <p:nvPr/>
        </p:nvSpPr>
        <p:spPr>
          <a:xfrm>
            <a:off x="9366250" y="2754313"/>
            <a:ext cx="1981200" cy="34131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DD6F9104-0A01-E98A-57BD-1B4758512092}"/>
              </a:ext>
            </a:extLst>
          </p:cNvPr>
          <p:cNvCxnSpPr>
            <a:cxnSpLocks/>
          </p:cNvCxnSpPr>
          <p:nvPr/>
        </p:nvCxnSpPr>
        <p:spPr bwMode="auto">
          <a:xfrm>
            <a:off x="3314699" y="2460613"/>
            <a:ext cx="135407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1A1310E9-7B49-B34B-FCAC-ECCEEC064FD3}"/>
              </a:ext>
            </a:extLst>
          </p:cNvPr>
          <p:cNvSpPr txBox="1"/>
          <p:nvPr/>
        </p:nvSpPr>
        <p:spPr>
          <a:xfrm>
            <a:off x="3150943" y="2032044"/>
            <a:ext cx="1600201" cy="37225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serialization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ECB4C3D9-09ED-A434-5CED-81E68F320B59}"/>
              </a:ext>
            </a:extLst>
          </p:cNvPr>
          <p:cNvCxnSpPr>
            <a:cxnSpLocks/>
          </p:cNvCxnSpPr>
          <p:nvPr/>
        </p:nvCxnSpPr>
        <p:spPr bwMode="auto">
          <a:xfrm>
            <a:off x="6640267" y="2428818"/>
            <a:ext cx="1725612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6607A120-9E7F-4C3A-F96B-44D3DC0A3570}"/>
              </a:ext>
            </a:extLst>
          </p:cNvPr>
          <p:cNvSpPr txBox="1"/>
          <p:nvPr/>
        </p:nvSpPr>
        <p:spPr>
          <a:xfrm>
            <a:off x="6640267" y="1958783"/>
            <a:ext cx="1695450" cy="37225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deserialization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FA348521-397D-F634-9895-04CD0E330D72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r="50996"/>
          <a:stretch/>
        </p:blipFill>
        <p:spPr>
          <a:xfrm>
            <a:off x="1229475" y="1644881"/>
            <a:ext cx="1815350" cy="1518835"/>
          </a:xfrm>
          <a:prstGeom prst="rect">
            <a:avLst/>
          </a:prstGeom>
        </p:spPr>
      </p:pic>
      <p:pic>
        <p:nvPicPr>
          <p:cNvPr id="34" name="Graphic 33">
            <a:extLst>
              <a:ext uri="{FF2B5EF4-FFF2-40B4-BE49-F238E27FC236}">
                <a16:creationId xmlns:a16="http://schemas.microsoft.com/office/drawing/2014/main" id="{4E1CA2EB-646E-3AFC-3104-C6B64AAEBA10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555" b="2555"/>
          <a:stretch/>
        </p:blipFill>
        <p:spPr>
          <a:xfrm>
            <a:off x="5147623" y="2099682"/>
            <a:ext cx="891771" cy="759417"/>
          </a:xfrm>
          <a:prstGeom prst="rect">
            <a:avLst/>
          </a:prstGeom>
        </p:spPr>
      </p:pic>
      <p:pic>
        <p:nvPicPr>
          <p:cNvPr id="35" name="Graphic 34">
            <a:extLst>
              <a:ext uri="{FF2B5EF4-FFF2-40B4-BE49-F238E27FC236}">
                <a16:creationId xmlns:a16="http://schemas.microsoft.com/office/drawing/2014/main" id="{A80D541A-9F7B-FCBA-0BDA-8D909F9A7638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r="50996"/>
          <a:stretch/>
        </p:blipFill>
        <p:spPr>
          <a:xfrm>
            <a:off x="8767504" y="1557338"/>
            <a:ext cx="1815350" cy="15188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1659086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/>
      <p:bldP spid="19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D1C4F86-C708-68D6-8F5C-ED55A4AFE3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ase Studies: </a:t>
            </a:r>
            <a:r>
              <a:rPr lang="en-US" dirty="0" err="1"/>
              <a:t>Bincode</a:t>
            </a:r>
            <a:r>
              <a:rPr lang="en-US" dirty="0"/>
              <a:t> vs. </a:t>
            </a:r>
            <a:r>
              <a:rPr lang="en-US" dirty="0" err="1"/>
              <a:t>Abomonatio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64003E2-BD69-5221-D480-915795DE413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5692775" cy="3032125"/>
          </a:xfrm>
        </p:spPr>
        <p:txBody>
          <a:bodyPr/>
          <a:lstStyle/>
          <a:p>
            <a:pPr marL="0" indent="0">
              <a:buNone/>
            </a:pPr>
            <a:r>
              <a:rPr lang="en-US" b="1" dirty="0" err="1"/>
              <a:t>Bincode</a:t>
            </a:r>
            <a:r>
              <a:rPr lang="en-US" b="1" dirty="0"/>
              <a:t> </a:t>
            </a:r>
            <a:r>
              <a:rPr lang="en-US" dirty="0"/>
              <a:t>transforms data into a common binary representation</a:t>
            </a:r>
            <a:r>
              <a:rPr lang="en-US" dirty="0">
                <a:solidFill>
                  <a:srgbClr val="7030A0"/>
                </a:solidFill>
              </a:rPr>
              <a:t> </a:t>
            </a:r>
            <a:r>
              <a:rPr lang="en-US" dirty="0"/>
              <a:t>that allows passing data between </a:t>
            </a:r>
            <a:r>
              <a:rPr lang="en-US" dirty="0">
                <a:solidFill>
                  <a:schemeClr val="accent1"/>
                </a:solidFill>
              </a:rPr>
              <a:t>different platforms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 err="1"/>
              <a:t>Sandcrust</a:t>
            </a:r>
            <a:r>
              <a:rPr lang="en-US" dirty="0"/>
              <a:t> uses </a:t>
            </a:r>
            <a:r>
              <a:rPr lang="en-US" dirty="0" err="1"/>
              <a:t>Bincode</a:t>
            </a:r>
            <a:r>
              <a:rPr lang="en-US" dirty="0"/>
              <a:t> serialization crate to pass arguments to another process using Inter-Process Communication </a:t>
            </a:r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D487DE5-04F4-91EB-74C9-157C8B9CA4CF}"/>
              </a:ext>
            </a:extLst>
          </p:cNvPr>
          <p:cNvSpPr txBox="1">
            <a:spLocks/>
          </p:cNvSpPr>
          <p:nvPr/>
        </p:nvSpPr>
        <p:spPr>
          <a:xfrm>
            <a:off x="6096000" y="1844674"/>
            <a:ext cx="5692775" cy="3032125"/>
          </a:xfrm>
          <a:prstGeom prst="rect">
            <a:avLst/>
          </a:prstGeom>
        </p:spPr>
        <p:txBody>
          <a:bodyPr vert="horz" lIns="72000" tIns="36000" rIns="72000" bIns="36000" rtlCol="0" anchor="t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None/>
            </a:pPr>
            <a:r>
              <a:rPr lang="en-US" b="1" dirty="0" err="1"/>
              <a:t>Abomonation</a:t>
            </a:r>
            <a:r>
              <a:rPr lang="en-US" dirty="0"/>
              <a:t> is based on Rust object memory layout representation</a:t>
            </a:r>
            <a:r>
              <a:rPr lang="en-US" dirty="0">
                <a:solidFill>
                  <a:srgbClr val="7030A0"/>
                </a:solidFill>
              </a:rPr>
              <a:t> </a:t>
            </a:r>
            <a:r>
              <a:rPr lang="en-US" dirty="0"/>
              <a:t>on a </a:t>
            </a:r>
            <a:r>
              <a:rPr lang="en-US" dirty="0">
                <a:ea typeface="+mn-lt"/>
                <a:cs typeface="+mn-lt"/>
              </a:rPr>
              <a:t>specific</a:t>
            </a:r>
            <a:r>
              <a:rPr lang="en-US" dirty="0">
                <a:solidFill>
                  <a:srgbClr val="E2007C"/>
                </a:solidFill>
                <a:ea typeface="+mn-lt"/>
                <a:cs typeface="+mn-lt"/>
              </a:rPr>
              <a:t> </a:t>
            </a:r>
            <a:r>
              <a:rPr lang="en-US" dirty="0">
                <a:solidFill>
                  <a:schemeClr val="accent1"/>
                </a:solidFill>
                <a:ea typeface="+mn-lt"/>
                <a:cs typeface="+mn-lt"/>
              </a:rPr>
              <a:t>single platform</a:t>
            </a:r>
          </a:p>
          <a:p>
            <a:pPr marL="0" indent="0">
              <a:buNone/>
            </a:pPr>
            <a:endParaRPr lang="en-US" dirty="0">
              <a:solidFill>
                <a:schemeClr val="accent1"/>
              </a:solidFill>
            </a:endParaRPr>
          </a:p>
          <a:p>
            <a:pPr marL="0" indent="0">
              <a:buNone/>
            </a:pPr>
            <a:br>
              <a:rPr lang="en-US" dirty="0">
                <a:solidFill>
                  <a:schemeClr val="accent1"/>
                </a:solidFill>
              </a:rPr>
            </a:br>
            <a:r>
              <a:rPr lang="en-US" dirty="0"/>
              <a:t>It does not store any metadata or type system information in memory, and it can deserialize in place without the need for another copy operation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A845533-B818-DCDD-A44E-07AE69900031}"/>
              </a:ext>
            </a:extLst>
          </p:cNvPr>
          <p:cNvSpPr txBox="1"/>
          <p:nvPr/>
        </p:nvSpPr>
        <p:spPr>
          <a:xfrm>
            <a:off x="479425" y="4867273"/>
            <a:ext cx="5121275" cy="10287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incode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s redundant, </a:t>
            </a:r>
            <a:r>
              <a:rPr lang="en-US" sz="2000" kern="1000" spc="-30" dirty="0" err="1">
                <a:solidFill>
                  <a:srgbClr val="181818"/>
                </a:solidFill>
                <a:latin typeface="Ericsson Hilda"/>
              </a:rPr>
              <a:t>Sandcrust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</a:rPr>
              <a:t> and SDRAD-FFI target only a single platform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5F695DF-14A0-174C-8417-CF2208BE0F43}"/>
              </a:ext>
            </a:extLst>
          </p:cNvPr>
          <p:cNvSpPr txBox="1"/>
          <p:nvPr/>
        </p:nvSpPr>
        <p:spPr>
          <a:xfrm>
            <a:off x="6096000" y="4867273"/>
            <a:ext cx="5121275" cy="10287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algn="l" rtl="0" fontAlgn="base">
              <a:spcBef>
                <a:spcPts val="800"/>
              </a:spcBef>
              <a:spcAft>
                <a:spcPct val="0"/>
              </a:spcAft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bomonation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s 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efficient and suitable for our purpose </a:t>
            </a:r>
            <a:endParaRPr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376615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7" grpId="0"/>
      <p:bldP spid="9" grpId="0"/>
    </p:bldLst>
  </p:timing>
  <p:extLst>
    <p:ext uri="{6950BFC3-D8DA-4A85-94F7-54DA5524770B}">
      <p188:commentRel xmlns:p188="http://schemas.microsoft.com/office/powerpoint/2018/8/main" r:id="rId3"/>
    </p:ext>
  </p:extLs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8373DA-35F8-3FCF-DFF7-3ECE062076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nappy Performance 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2819780-6BCC-359F-24DB-DD23CBF4E63B}"/>
              </a:ext>
            </a:extLst>
          </p:cNvPr>
          <p:cNvSpPr txBox="1"/>
          <p:nvPr/>
        </p:nvSpPr>
        <p:spPr>
          <a:xfrm>
            <a:off x="479424" y="1475231"/>
            <a:ext cx="10321925" cy="423024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342900" marR="0" indent="-3429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nappy is a fast compression C library from Google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t is designed for high-speed compression and decompression of data and is widely used in various applications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esented as 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a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FFI example in the Rust Book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Performance evaluation: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indent="-3429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mpressing and uncompressing randomly generated data of different sizes </a:t>
            </a:r>
          </a:p>
          <a:p>
            <a:pPr marL="342900" marR="0" indent="-3429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M</a:t>
            </a: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asuring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the execution time of each operation for different serialization crates: </a:t>
            </a:r>
            <a:r>
              <a:rPr lang="en-US" sz="2000" kern="1000" spc="-3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Bincode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 and </a:t>
            </a:r>
            <a:r>
              <a:rPr lang="en-US" sz="2000" kern="1000" spc="-3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Abomonation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6902406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8373DA-35F8-3FCF-DFF7-3ECE062076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nappy Performance </a:t>
            </a:r>
          </a:p>
        </p:txBody>
      </p:sp>
      <p:pic>
        <p:nvPicPr>
          <p:cNvPr id="5" name="Picture 4" descr="A graph of numbers and lines&#10;&#10;Description automatically generated">
            <a:extLst>
              <a:ext uri="{FF2B5EF4-FFF2-40B4-BE49-F238E27FC236}">
                <a16:creationId xmlns:a16="http://schemas.microsoft.com/office/drawing/2014/main" id="{8776CFD2-E89B-0838-89D5-C00E692D5AD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5597" y="119692"/>
            <a:ext cx="3161391" cy="3042838"/>
          </a:xfrm>
          <a:prstGeom prst="rect">
            <a:avLst/>
          </a:prstGeom>
        </p:spPr>
      </p:pic>
      <p:pic>
        <p:nvPicPr>
          <p:cNvPr id="7" name="Picture 6" descr="A graph of numbers and lines&#10;&#10;Description automatically generated">
            <a:extLst>
              <a:ext uri="{FF2B5EF4-FFF2-40B4-BE49-F238E27FC236}">
                <a16:creationId xmlns:a16="http://schemas.microsoft.com/office/drawing/2014/main" id="{9545F87A-8D66-0519-2F64-75D722BA5B9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97981" y="3499328"/>
            <a:ext cx="3280941" cy="3172521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510CD364-2EFA-5440-1D89-82B774A5D14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98577" y="1388927"/>
            <a:ext cx="4039970" cy="2391895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5AD8B969-F09D-122C-F2B2-26A4BFCCEB0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98577" y="3815162"/>
            <a:ext cx="3886200" cy="2566587"/>
          </a:xfrm>
          <a:prstGeom prst="rect">
            <a:avLst/>
          </a:prstGeom>
        </p:spPr>
      </p:pic>
      <p:sp>
        <p:nvSpPr>
          <p:cNvPr id="16" name="Speech Bubble: Oval 15">
            <a:extLst>
              <a:ext uri="{FF2B5EF4-FFF2-40B4-BE49-F238E27FC236}">
                <a16:creationId xmlns:a16="http://schemas.microsoft.com/office/drawing/2014/main" id="{A119F1A7-4EF6-0180-DB7E-405170E8B2AC}"/>
              </a:ext>
            </a:extLst>
          </p:cNvPr>
          <p:cNvSpPr/>
          <p:nvPr/>
        </p:nvSpPr>
        <p:spPr bwMode="auto">
          <a:xfrm>
            <a:off x="4778874" y="70376"/>
            <a:ext cx="1943253" cy="1950719"/>
          </a:xfrm>
          <a:prstGeom prst="wedgeEllipseCallout">
            <a:avLst>
              <a:gd name="adj1" fmla="val 118599"/>
              <a:gd name="adj2" fmla="val 40039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200" dirty="0">
                <a:solidFill>
                  <a:schemeClr val="bg1"/>
                </a:solidFill>
                <a:latin typeface="+mn-lt"/>
              </a:rPr>
              <a:t>LL1) The in-process isolation approach clearly outperforms process isolation in terms of context switch overhead. </a:t>
            </a:r>
          </a:p>
        </p:txBody>
      </p:sp>
      <p:sp>
        <p:nvSpPr>
          <p:cNvPr id="17" name="Speech Bubble: Oval 16">
            <a:extLst>
              <a:ext uri="{FF2B5EF4-FFF2-40B4-BE49-F238E27FC236}">
                <a16:creationId xmlns:a16="http://schemas.microsoft.com/office/drawing/2014/main" id="{0D24704A-D1D8-E4CF-83BB-6318370689D9}"/>
              </a:ext>
            </a:extLst>
          </p:cNvPr>
          <p:cNvSpPr/>
          <p:nvPr/>
        </p:nvSpPr>
        <p:spPr bwMode="auto">
          <a:xfrm>
            <a:off x="10197947" y="848383"/>
            <a:ext cx="1994053" cy="2297581"/>
          </a:xfrm>
          <a:prstGeom prst="wedgeEllipseCallout">
            <a:avLst>
              <a:gd name="adj1" fmla="val -106336"/>
              <a:gd name="adj2" fmla="val -11649"/>
            </a:avLst>
          </a:prstGeom>
          <a:ln>
            <a:headEnd type="none" w="med" len="med"/>
            <a:tailEnd type="none" w="med" len="med"/>
          </a:ln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200" dirty="0">
                <a:solidFill>
                  <a:schemeClr val="bg1"/>
                </a:solidFill>
                <a:latin typeface="+mn-lt"/>
              </a:rPr>
              <a:t>LL2) Even for modestly sized arguments, the context switch cost starts to get dominated by the cost of data transfer between domains. 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9F5D300-78DE-4DD7-B66C-512A319410F9}"/>
              </a:ext>
            </a:extLst>
          </p:cNvPr>
          <p:cNvSpPr txBox="1"/>
          <p:nvPr/>
        </p:nvSpPr>
        <p:spPr>
          <a:xfrm>
            <a:off x="8391525" y="3145964"/>
            <a:ext cx="2590313" cy="40192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mpress</a:t>
            </a:r>
          </a:p>
        </p:txBody>
      </p:sp>
      <p:sp>
        <p:nvSpPr>
          <p:cNvPr id="3" name="Speech Bubble: Oval 2">
            <a:extLst>
              <a:ext uri="{FF2B5EF4-FFF2-40B4-BE49-F238E27FC236}">
                <a16:creationId xmlns:a16="http://schemas.microsoft.com/office/drawing/2014/main" id="{C465280E-7794-D836-8953-48B1F92B2560}"/>
              </a:ext>
            </a:extLst>
          </p:cNvPr>
          <p:cNvSpPr/>
          <p:nvPr/>
        </p:nvSpPr>
        <p:spPr bwMode="auto">
          <a:xfrm>
            <a:off x="4919752" y="4110228"/>
            <a:ext cx="2024459" cy="1950719"/>
          </a:xfrm>
          <a:prstGeom prst="wedgeEllipseCallout">
            <a:avLst>
              <a:gd name="adj1" fmla="val 4882"/>
              <a:gd name="adj2" fmla="val 12207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200" dirty="0">
                <a:solidFill>
                  <a:schemeClr val="bg1"/>
                </a:solidFill>
              </a:rPr>
              <a:t>LL3) </a:t>
            </a:r>
            <a:r>
              <a:rPr lang="en-US" sz="1200" dirty="0"/>
              <a:t>The data serialization method used can significantly impact performance, it is crucial to optimize it for the use case</a:t>
            </a:r>
          </a:p>
          <a:p>
            <a:pPr algn="l">
              <a:spcBef>
                <a:spcPts val="800"/>
              </a:spcBef>
            </a:pPr>
            <a:endParaRPr lang="en-US" sz="12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9170229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 animBg="1"/>
      <p:bldP spid="17" grpId="0" animBg="1"/>
      <p:bldP spid="3" grpId="0" animBg="1"/>
    </p:bldLst>
  </p:timing>
  <p:extLst>
    <p:ext uri="{6950BFC3-D8DA-4A85-94F7-54DA5524770B}">
      <p188:commentRel xmlns:p188="http://schemas.microsoft.com/office/powerpoint/2018/8/main" r:id="rId3"/>
    </p:ext>
  </p:extLs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2E1BEE-E30B-40F7-9A62-A3159DA4DF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5472113" cy="1081088"/>
          </a:xfrm>
        </p:spPr>
        <p:txBody>
          <a:bodyPr wrap="square" anchor="t">
            <a:normAutofit/>
          </a:bodyPr>
          <a:lstStyle/>
          <a:p>
            <a:r>
              <a:rPr lang="en-US" dirty="0"/>
              <a:t>In summary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51D7DC4-34BA-4C86-8CD6-95954A91B7A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466851"/>
            <a:ext cx="7302500" cy="4770438"/>
          </a:xfrm>
        </p:spPr>
        <p:txBody>
          <a:bodyPr>
            <a:normAutofit lnSpcReduction="10000"/>
          </a:bodyPr>
          <a:lstStyle/>
          <a:p>
            <a:pPr marL="0" indent="0">
              <a:lnSpc>
                <a:spcPct val="90000"/>
              </a:lnSpc>
              <a:buNone/>
            </a:pPr>
            <a:r>
              <a:rPr lang="en-US" b="1" dirty="0"/>
              <a:t>Introducing secure rewind and discard with isolated domains for RUST-FFI</a:t>
            </a:r>
            <a:r>
              <a:rPr lang="en-US" dirty="0"/>
              <a:t>, </a:t>
            </a:r>
          </a:p>
          <a:p>
            <a:pPr lvl="1">
              <a:lnSpc>
                <a:spcPct val="90000"/>
              </a:lnSpc>
            </a:pPr>
            <a:r>
              <a:rPr lang="en-US" dirty="0"/>
              <a:t>protect the integrity of a Rust application from memory-safety violations in unsafe program parts or C libraries</a:t>
            </a:r>
          </a:p>
          <a:p>
            <a:pPr lvl="1">
              <a:lnSpc>
                <a:spcPct val="90000"/>
              </a:lnSpc>
            </a:pPr>
            <a:r>
              <a:rPr lang="en-US" dirty="0"/>
              <a:t>increases the Rust application’s availability through a secure rewinding mechanism</a:t>
            </a:r>
          </a:p>
          <a:p>
            <a:pPr marL="183600" lvl="1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r>
              <a:rPr lang="en-US" b="1" dirty="0"/>
              <a:t>Providing a Rust </a:t>
            </a:r>
            <a:r>
              <a:rPr lang="en-US" b="1" dirty="0" err="1"/>
              <a:t>sdradrustffi</a:t>
            </a:r>
            <a:r>
              <a:rPr lang="en-US" b="1" dirty="0"/>
              <a:t> crates with </a:t>
            </a:r>
            <a:r>
              <a:rPr lang="en-US" dirty="0"/>
              <a:t>an easy-to-use API, which provides a high degree of automation</a:t>
            </a:r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r>
              <a:rPr lang="en-US" b="1" dirty="0"/>
              <a:t>Takeaways: </a:t>
            </a:r>
          </a:p>
          <a:p>
            <a:pPr marL="0" indent="0">
              <a:lnSpc>
                <a:spcPct val="90000"/>
              </a:lnSpc>
              <a:buNone/>
            </a:pPr>
            <a:r>
              <a:rPr lang="en-US" dirty="0"/>
              <a:t>The in-process isolation approach clearly outperforms process isolation in terms of context switch overhead. </a:t>
            </a:r>
          </a:p>
          <a:p>
            <a:pPr marL="0" indent="0">
              <a:lnSpc>
                <a:spcPct val="90000"/>
              </a:lnSpc>
              <a:buNone/>
            </a:pPr>
            <a:r>
              <a:rPr lang="en-US" dirty="0"/>
              <a:t>The data serialization method used can significantly impact performance, it is crucial to optimize it for the use case</a:t>
            </a:r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</p:txBody>
      </p:sp>
      <p:pic>
        <p:nvPicPr>
          <p:cNvPr id="4" name="Picture 3" descr="A qr code on a white background&#10;&#10;Description automatically generated">
            <a:extLst>
              <a:ext uri="{FF2B5EF4-FFF2-40B4-BE49-F238E27FC236}">
                <a16:creationId xmlns:a16="http://schemas.microsoft.com/office/drawing/2014/main" id="{DC8DEE21-CDC2-27FB-CFAC-12932D17267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43900" y="1662113"/>
            <a:ext cx="2566987" cy="2566987"/>
          </a:xfrm>
          <a:prstGeom prst="rect">
            <a:avLst/>
          </a:prstGeom>
          <a:noFill/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1913C5FB-B76C-53EF-D902-F6CC6411D3C4}"/>
              </a:ext>
            </a:extLst>
          </p:cNvPr>
          <p:cNvSpPr txBox="1"/>
          <p:nvPr/>
        </p:nvSpPr>
        <p:spPr>
          <a:xfrm>
            <a:off x="7620000" y="4044434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https://secure-rewind-and-discard.github.io/</a:t>
            </a:r>
          </a:p>
        </p:txBody>
      </p:sp>
    </p:spTree>
    <p:extLst>
      <p:ext uri="{BB962C8B-B14F-4D97-AF65-F5344CB8AC3E}">
        <p14:creationId xmlns:p14="http://schemas.microsoft.com/office/powerpoint/2010/main" val="415437662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0818F591-8E05-4BA0-B8C5-0498FC8BAE7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905532" y="3624147"/>
            <a:ext cx="1524000" cy="125730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7FD2473-A1D8-4F47-BE9D-C6B8474469B5}"/>
              </a:ext>
            </a:extLst>
          </p:cNvPr>
          <p:cNvSpPr txBox="1"/>
          <p:nvPr/>
        </p:nvSpPr>
        <p:spPr>
          <a:xfrm>
            <a:off x="3925229" y="1764618"/>
            <a:ext cx="3679902" cy="130741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978A330B-EE5D-4CD6-948C-7E099E3991CE}"/>
              </a:ext>
            </a:extLst>
          </p:cNvPr>
          <p:cNvSpPr txBox="1"/>
          <p:nvPr/>
        </p:nvSpPr>
        <p:spPr>
          <a:xfrm>
            <a:off x="3925229" y="1639229"/>
            <a:ext cx="3401122" cy="143280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C45F143-A005-48A3-97E9-08EEB7392992}"/>
              </a:ext>
            </a:extLst>
          </p:cNvPr>
          <p:cNvSpPr txBox="1"/>
          <p:nvPr/>
        </p:nvSpPr>
        <p:spPr>
          <a:xfrm>
            <a:off x="3987857" y="4281944"/>
            <a:ext cx="3317489" cy="80295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79D7408-5ACE-4250-902A-5EA628FE68A3}"/>
              </a:ext>
            </a:extLst>
          </p:cNvPr>
          <p:cNvSpPr txBox="1"/>
          <p:nvPr/>
        </p:nvSpPr>
        <p:spPr>
          <a:xfrm>
            <a:off x="4134682" y="4315460"/>
            <a:ext cx="2966225" cy="68034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66117B2-81C4-4AB5-9186-20266BC7F48B}"/>
              </a:ext>
            </a:extLst>
          </p:cNvPr>
          <p:cNvSpPr txBox="1"/>
          <p:nvPr/>
        </p:nvSpPr>
        <p:spPr>
          <a:xfrm>
            <a:off x="3987857" y="4270856"/>
            <a:ext cx="3162669" cy="68034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C07123-895E-4C38-8E5D-BFA0BAE97C07}"/>
              </a:ext>
            </a:extLst>
          </p:cNvPr>
          <p:cNvSpPr txBox="1"/>
          <p:nvPr/>
        </p:nvSpPr>
        <p:spPr>
          <a:xfrm>
            <a:off x="4876239" y="4834054"/>
            <a:ext cx="2575932" cy="76943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ank you </a:t>
            </a:r>
          </a:p>
        </p:txBody>
      </p:sp>
      <p:pic>
        <p:nvPicPr>
          <p:cNvPr id="4" name="Picture 3" descr="A picture containing text, mammal, cartoon, circle&#10;&#10;Description automatically generated">
            <a:extLst>
              <a:ext uri="{FF2B5EF4-FFF2-40B4-BE49-F238E27FC236}">
                <a16:creationId xmlns:a16="http://schemas.microsoft.com/office/drawing/2014/main" id="{4A233240-E28F-61B6-76AE-5DE5A23219A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1839" y="1245674"/>
            <a:ext cx="2853390" cy="2853390"/>
          </a:xfrm>
          <a:prstGeom prst="rect">
            <a:avLst/>
          </a:prstGeom>
        </p:spPr>
      </p:pic>
      <p:pic>
        <p:nvPicPr>
          <p:cNvPr id="5" name="Picture 4" descr="A qr code on a white background&#10;&#10;Description automatically generated">
            <a:extLst>
              <a:ext uri="{FF2B5EF4-FFF2-40B4-BE49-F238E27FC236}">
                <a16:creationId xmlns:a16="http://schemas.microsoft.com/office/drawing/2014/main" id="{27FD01CA-091A-AC76-5271-3EE22F3BEDC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75981" y="1639229"/>
            <a:ext cx="2238132" cy="223813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85B3D02B-5B55-5278-11FA-9A07655BC98C}"/>
              </a:ext>
            </a:extLst>
          </p:cNvPr>
          <p:cNvSpPr txBox="1"/>
          <p:nvPr/>
        </p:nvSpPr>
        <p:spPr>
          <a:xfrm>
            <a:off x="7305346" y="3818084"/>
            <a:ext cx="609452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https://secure-rewind-and-discard.github.io/</a:t>
            </a:r>
          </a:p>
        </p:txBody>
      </p:sp>
    </p:spTree>
    <p:extLst>
      <p:ext uri="{BB962C8B-B14F-4D97-AF65-F5344CB8AC3E}">
        <p14:creationId xmlns:p14="http://schemas.microsoft.com/office/powerpoint/2010/main" val="381453504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EA7E86-52F8-4EAC-BE99-AB810CA783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tection Keys for </a:t>
            </a:r>
            <a:r>
              <a:rPr lang="en-US" dirty="0" err="1"/>
              <a:t>Userspace</a:t>
            </a:r>
            <a:r>
              <a:rPr lang="en-US" dirty="0"/>
              <a:t> (PKU)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4D7C1A-0E45-426C-B1E1-2D3DC073734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6" y="1844675"/>
            <a:ext cx="5043164" cy="1720345"/>
          </a:xfrm>
        </p:spPr>
        <p:txBody>
          <a:bodyPr/>
          <a:lstStyle/>
          <a:p>
            <a:pPr eaLnBrk="1" hangingPunct="1">
              <a:buFont typeface="Arial" charset="0"/>
              <a:buNone/>
              <a:defRPr/>
            </a:pPr>
            <a:r>
              <a:rPr lang="en-US" dirty="0">
                <a:cs typeface="MS PGothic" pitchFamily="34" charset="-128"/>
              </a:rPr>
              <a:t>User-level memory access-control mechanism</a:t>
            </a: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r>
              <a:rPr lang="en-US" sz="1800" b="0" dirty="0">
                <a:cs typeface="MS PGothic" pitchFamily="34" charset="-128"/>
              </a:rPr>
              <a:t>Associates each memory page with a 4-bit protection key kept in page table entry (PTE)</a:t>
            </a: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r>
              <a:rPr lang="en-US" sz="1800" b="0" dirty="0">
                <a:cs typeface="MS PGothic" pitchFamily="34" charset="-128"/>
              </a:rPr>
              <a:t>Access control rules for protection keys maintained by </a:t>
            </a:r>
            <a:r>
              <a:rPr lang="en-US" sz="1800" b="0" dirty="0" err="1">
                <a:cs typeface="MS PGothic" pitchFamily="34" charset="-128"/>
              </a:rPr>
              <a:t>userspace</a:t>
            </a:r>
            <a:r>
              <a:rPr lang="en-US" sz="1800" b="0" dirty="0">
                <a:cs typeface="MS PGothic" pitchFamily="34" charset="-128"/>
              </a:rPr>
              <a:t> code in PKRU register</a:t>
            </a:r>
          </a:p>
          <a:p>
            <a:pPr eaLnBrk="1" hangingPunct="1">
              <a:buFont typeface="Arial" charset="0"/>
              <a:buNone/>
              <a:defRPr/>
            </a:pPr>
            <a:endParaRPr lang="en-US" dirty="0">
              <a:cs typeface="MS PGothic" pitchFamily="34" charset="-128"/>
            </a:endParaRP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endParaRPr lang="en-US" b="0" dirty="0">
              <a:cs typeface="MS PGothic" pitchFamily="34" charset="-128"/>
            </a:endParaRPr>
          </a:p>
          <a:p>
            <a:endParaRPr lang="en-US" dirty="0"/>
          </a:p>
        </p:txBody>
      </p:sp>
      <p:sp>
        <p:nvSpPr>
          <p:cNvPr id="4" name="TextBox 9">
            <a:extLst>
              <a:ext uri="{FF2B5EF4-FFF2-40B4-BE49-F238E27FC236}">
                <a16:creationId xmlns:a16="http://schemas.microsoft.com/office/drawing/2014/main" id="{3A7F87ED-5C40-4C9E-A6C7-B3531DB2061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79425" y="6237287"/>
            <a:ext cx="8678862" cy="215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eaLnBrk="1" hangingPunct="1"/>
            <a:r>
              <a:rPr lang="en-US" altLang="en-US" sz="1400" dirty="0"/>
              <a:t>Intel. </a:t>
            </a:r>
            <a:r>
              <a:rPr lang="en-US" altLang="en-US" sz="1400" dirty="0">
                <a:hlinkClick r:id="rId3"/>
              </a:rPr>
              <a:t>Intel® 64 and IA-32 Architectures Software Developer Manuals</a:t>
            </a:r>
            <a:r>
              <a:rPr lang="en-US" altLang="en-US" sz="1400" dirty="0"/>
              <a:t>. Volume 1. Chapter 2.7., 4.6.2 May 2019</a:t>
            </a:r>
            <a:endParaRPr lang="en-US" altLang="en-US" sz="1400" b="1" dirty="0"/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1A1C8038-3BB4-44D0-9348-B545B78F926B}"/>
              </a:ext>
            </a:extLst>
          </p:cNvPr>
          <p:cNvGrpSpPr/>
          <p:nvPr/>
        </p:nvGrpSpPr>
        <p:grpSpPr>
          <a:xfrm>
            <a:off x="1170936" y="5053714"/>
            <a:ext cx="9850128" cy="913766"/>
            <a:chOff x="1151247" y="5036184"/>
            <a:chExt cx="9850128" cy="913766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888422F-1513-44B6-9330-AE9E98EB3A01}"/>
                </a:ext>
              </a:extLst>
            </p:cNvPr>
            <p:cNvSpPr/>
            <p:nvPr/>
          </p:nvSpPr>
          <p:spPr bwMode="auto">
            <a:xfrm>
              <a:off x="6709564" y="5038938"/>
              <a:ext cx="625791" cy="911012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lg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1B982B07-6315-4488-9FA2-EB1329A87169}"/>
                </a:ext>
              </a:extLst>
            </p:cNvPr>
            <p:cNvSpPr/>
            <p:nvPr/>
          </p:nvSpPr>
          <p:spPr bwMode="auto">
            <a:xfrm>
              <a:off x="4229252" y="5038936"/>
              <a:ext cx="2480312" cy="911014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+mn-lt"/>
                </a:rPr>
                <a:t>phys. </a:t>
              </a:r>
              <a:r>
                <a:rPr lang="en-US" err="1">
                  <a:solidFill>
                    <a:schemeClr val="tx1"/>
                  </a:solidFill>
                  <a:latin typeface="+mn-lt"/>
                </a:rPr>
                <a:t>addr</a:t>
              </a:r>
              <a:r>
                <a:rPr lang="en-US">
                  <a:solidFill>
                    <a:schemeClr val="tx1"/>
                  </a:solidFill>
                  <a:latin typeface="+mn-lt"/>
                </a:rPr>
                <a:t>. of 4kb page</a:t>
              </a: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A3F17B4-BBDD-4271-B48A-AAE16F530B8A}"/>
                </a:ext>
              </a:extLst>
            </p:cNvPr>
            <p:cNvSpPr/>
            <p:nvPr/>
          </p:nvSpPr>
          <p:spPr bwMode="auto">
            <a:xfrm>
              <a:off x="8241029" y="5039359"/>
              <a:ext cx="308610" cy="908051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G</a:t>
              </a: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DA69B2E6-443C-4862-AF94-249712A5DDD5}"/>
                </a:ext>
              </a:extLst>
            </p:cNvPr>
            <p:cNvSpPr/>
            <p:nvPr/>
          </p:nvSpPr>
          <p:spPr bwMode="auto">
            <a:xfrm>
              <a:off x="6597456" y="5053714"/>
              <a:ext cx="394047" cy="880586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E792AF21-9F47-4505-B701-E05220915F74}"/>
                </a:ext>
              </a:extLst>
            </p:cNvPr>
            <p:cNvSpPr/>
            <p:nvPr/>
          </p:nvSpPr>
          <p:spPr bwMode="auto">
            <a:xfrm>
              <a:off x="8542019" y="5036185"/>
              <a:ext cx="308610" cy="911226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AT</a:t>
              </a: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BB76C373-A3B0-4A60-A415-9686A040F79C}"/>
                </a:ext>
              </a:extLst>
            </p:cNvPr>
            <p:cNvSpPr/>
            <p:nvPr/>
          </p:nvSpPr>
          <p:spPr bwMode="auto">
            <a:xfrm>
              <a:off x="8854584" y="5039360"/>
              <a:ext cx="308610" cy="907414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D</a:t>
              </a: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4BDF609F-F6E9-4F4A-B55D-B448FEB9BB82}"/>
                </a:ext>
              </a:extLst>
            </p:cNvPr>
            <p:cNvSpPr/>
            <p:nvPr/>
          </p:nvSpPr>
          <p:spPr bwMode="auto">
            <a:xfrm>
              <a:off x="9154953" y="5039360"/>
              <a:ext cx="308610" cy="90805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A</a:t>
              </a:r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E947AEF5-E633-4AFE-B676-08071D9FEA42}"/>
                </a:ext>
              </a:extLst>
            </p:cNvPr>
            <p:cNvSpPr/>
            <p:nvPr/>
          </p:nvSpPr>
          <p:spPr bwMode="auto">
            <a:xfrm>
              <a:off x="9466897" y="5039360"/>
              <a:ext cx="308610" cy="90805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CD</a:t>
              </a:r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5BF984B9-C3D6-4170-A7A5-A37FF7B95568}"/>
                </a:ext>
              </a:extLst>
            </p:cNvPr>
            <p:cNvSpPr/>
            <p:nvPr/>
          </p:nvSpPr>
          <p:spPr bwMode="auto">
            <a:xfrm>
              <a:off x="9774237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WT</a:t>
              </a:r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FCE83F45-9946-4950-8F43-4241E8DDB5EF}"/>
                </a:ext>
              </a:extLst>
            </p:cNvPr>
            <p:cNvSpPr/>
            <p:nvPr/>
          </p:nvSpPr>
          <p:spPr bwMode="auto">
            <a:xfrm>
              <a:off x="10083165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U/S</a:t>
              </a:r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F92589B4-3F96-4D2C-AF0F-D8CD1ACDA17F}"/>
                </a:ext>
              </a:extLst>
            </p:cNvPr>
            <p:cNvSpPr/>
            <p:nvPr/>
          </p:nvSpPr>
          <p:spPr bwMode="auto">
            <a:xfrm>
              <a:off x="10384155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R/W</a:t>
              </a:r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021E63AB-CA73-43F6-A192-0EE983AD1234}"/>
                </a:ext>
              </a:extLst>
            </p:cNvPr>
            <p:cNvSpPr/>
            <p:nvPr/>
          </p:nvSpPr>
          <p:spPr bwMode="auto">
            <a:xfrm>
              <a:off x="10692765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</a:t>
              </a:r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B3EF1A09-0D28-443D-9834-373D04B58DD4}"/>
                </a:ext>
              </a:extLst>
            </p:cNvPr>
            <p:cNvSpPr/>
            <p:nvPr/>
          </p:nvSpPr>
          <p:spPr bwMode="auto">
            <a:xfrm>
              <a:off x="1151247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XD</a:t>
              </a:r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EFBFDB01-B987-44F8-9B4D-6DDB500C8BBE}"/>
                </a:ext>
              </a:extLst>
            </p:cNvPr>
            <p:cNvSpPr/>
            <p:nvPr/>
          </p:nvSpPr>
          <p:spPr bwMode="auto">
            <a:xfrm>
              <a:off x="1459857" y="5039360"/>
              <a:ext cx="1230154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endParaRPr lang="en-US">
                <a:solidFill>
                  <a:schemeClr val="tx1"/>
                </a:solidFill>
                <a:latin typeface="Consolas" panose="020B0609020204030204" pitchFamily="49" charset="0"/>
              </a:endParaRPr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ADEAE52C-0ADF-4028-B75A-093BB3A719DC}"/>
                </a:ext>
              </a:extLst>
            </p:cNvPr>
            <p:cNvSpPr/>
            <p:nvPr/>
          </p:nvSpPr>
          <p:spPr bwMode="auto">
            <a:xfrm>
              <a:off x="7335355" y="5036184"/>
              <a:ext cx="9182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 sz="1400">
                  <a:solidFill>
                    <a:schemeClr val="tx1"/>
                  </a:solidFill>
                  <a:latin typeface="Consolas" panose="020B0609020204030204" pitchFamily="49" charset="0"/>
                </a:rPr>
                <a:t>Ignored</a:t>
              </a:r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CC22DFB7-B26D-411F-93DC-A152C7A5A5A0}"/>
                </a:ext>
              </a:extLst>
            </p:cNvPr>
            <p:cNvSpPr/>
            <p:nvPr/>
          </p:nvSpPr>
          <p:spPr bwMode="auto">
            <a:xfrm>
              <a:off x="3920642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</a:t>
              </a:r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B053B9EE-DA4D-4661-834D-0C85992EC4CE}"/>
                </a:ext>
              </a:extLst>
            </p:cNvPr>
            <p:cNvSpPr/>
            <p:nvPr/>
          </p:nvSpPr>
          <p:spPr bwMode="auto">
            <a:xfrm>
              <a:off x="2690488" y="5039360"/>
              <a:ext cx="1230154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sz="1400">
                  <a:solidFill>
                    <a:schemeClr val="tx1"/>
                  </a:solidFill>
                  <a:latin typeface="Consolas" panose="020B0609020204030204" pitchFamily="49" charset="0"/>
                </a:rPr>
                <a:t>Ignored</a:t>
              </a:r>
            </a:p>
          </p:txBody>
        </p:sp>
      </p:grpSp>
      <p:pic>
        <p:nvPicPr>
          <p:cNvPr id="29" name="Graphic 28" descr="Old Key with solid fill">
            <a:extLst>
              <a:ext uri="{FF2B5EF4-FFF2-40B4-BE49-F238E27FC236}">
                <a16:creationId xmlns:a16="http://schemas.microsoft.com/office/drawing/2014/main" id="{C77B32F3-6667-4696-A5F2-3B1FC0F3E54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645282" y="5082819"/>
            <a:ext cx="914400" cy="914400"/>
          </a:xfrm>
          <a:prstGeom prst="rect">
            <a:avLst/>
          </a:prstGeom>
        </p:spPr>
      </p:pic>
      <p:grpSp>
        <p:nvGrpSpPr>
          <p:cNvPr id="37" name="Group 36">
            <a:extLst>
              <a:ext uri="{FF2B5EF4-FFF2-40B4-BE49-F238E27FC236}">
                <a16:creationId xmlns:a16="http://schemas.microsoft.com/office/drawing/2014/main" id="{FAD55E09-A16C-4D3E-B7ED-1D76ECB54C56}"/>
              </a:ext>
            </a:extLst>
          </p:cNvPr>
          <p:cNvGrpSpPr/>
          <p:nvPr/>
        </p:nvGrpSpPr>
        <p:grpSpPr>
          <a:xfrm>
            <a:off x="8705977" y="1968758"/>
            <a:ext cx="2609597" cy="396434"/>
            <a:chOff x="8102858" y="3052328"/>
            <a:chExt cx="2609597" cy="396434"/>
          </a:xfrm>
        </p:grpSpPr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623E908C-70CC-4A48-8A03-DC7D1EC58A14}"/>
                </a:ext>
              </a:extLst>
            </p:cNvPr>
            <p:cNvSpPr/>
            <p:nvPr/>
          </p:nvSpPr>
          <p:spPr bwMode="auto">
            <a:xfrm>
              <a:off x="8148577" y="3052329"/>
              <a:ext cx="420751" cy="396433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B0EDCE56-FA9E-4CDF-8DAD-27E36104A183}"/>
                </a:ext>
              </a:extLst>
            </p:cNvPr>
            <p:cNvSpPr/>
            <p:nvPr/>
          </p:nvSpPr>
          <p:spPr bwMode="auto">
            <a:xfrm>
              <a:off x="8102858" y="3052329"/>
              <a:ext cx="45719" cy="396433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11B6C02F-FAD3-4273-9368-554E345F1530}"/>
                </a:ext>
              </a:extLst>
            </p:cNvPr>
            <p:cNvSpPr/>
            <p:nvPr/>
          </p:nvSpPr>
          <p:spPr bwMode="auto">
            <a:xfrm>
              <a:off x="8569329" y="3052328"/>
              <a:ext cx="300990" cy="396433"/>
            </a:xfrm>
            <a:prstGeom prst="rect">
              <a:avLst/>
            </a:prstGeom>
            <a:solidFill>
              <a:schemeClr val="tx1">
                <a:lumMod val="25000"/>
                <a:lumOff val="75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4" name="Rectangle 33">
              <a:extLst>
                <a:ext uri="{FF2B5EF4-FFF2-40B4-BE49-F238E27FC236}">
                  <a16:creationId xmlns:a16="http://schemas.microsoft.com/office/drawing/2014/main" id="{BEAC2FE4-02BA-407D-88D0-E47F55067C3E}"/>
                </a:ext>
              </a:extLst>
            </p:cNvPr>
            <p:cNvSpPr/>
            <p:nvPr/>
          </p:nvSpPr>
          <p:spPr bwMode="auto">
            <a:xfrm>
              <a:off x="8854122" y="3052329"/>
              <a:ext cx="1094109" cy="393892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sz="1400">
                  <a:solidFill>
                    <a:schemeClr val="tx1"/>
                  </a:solidFill>
                  <a:latin typeface="+mn-lt"/>
                </a:rPr>
                <a:t>phys. </a:t>
              </a:r>
              <a:r>
                <a:rPr lang="en-US" sz="1400" err="1">
                  <a:solidFill>
                    <a:schemeClr val="tx1"/>
                  </a:solidFill>
                  <a:latin typeface="+mn-lt"/>
                </a:rPr>
                <a:t>addr</a:t>
              </a:r>
              <a:r>
                <a:rPr lang="en-US" sz="1400">
                  <a:solidFill>
                    <a:schemeClr val="tx1"/>
                  </a:solidFill>
                  <a:latin typeface="+mn-lt"/>
                </a:rPr>
                <a:t>.</a:t>
              </a:r>
            </a:p>
          </p:txBody>
        </p:sp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569545F2-ED81-45DD-A68D-2786ACB10245}"/>
                </a:ext>
              </a:extLst>
            </p:cNvPr>
            <p:cNvSpPr/>
            <p:nvPr/>
          </p:nvSpPr>
          <p:spPr bwMode="auto">
            <a:xfrm>
              <a:off x="9947051" y="3054869"/>
              <a:ext cx="308611" cy="393892"/>
            </a:xfrm>
            <a:prstGeom prst="rect">
              <a:avLst/>
            </a:prstGeom>
            <a:solidFill>
              <a:schemeClr val="tx1">
                <a:lumMod val="25000"/>
                <a:lumOff val="75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6" name="Rectangle 35">
              <a:extLst>
                <a:ext uri="{FF2B5EF4-FFF2-40B4-BE49-F238E27FC236}">
                  <a16:creationId xmlns:a16="http://schemas.microsoft.com/office/drawing/2014/main" id="{A7377666-E0A5-4089-9160-406375B3086F}"/>
                </a:ext>
              </a:extLst>
            </p:cNvPr>
            <p:cNvSpPr/>
            <p:nvPr/>
          </p:nvSpPr>
          <p:spPr bwMode="auto">
            <a:xfrm>
              <a:off x="10255663" y="3054870"/>
              <a:ext cx="456792" cy="393892"/>
            </a:xfrm>
            <a:prstGeom prst="rect">
              <a:avLst/>
            </a:prstGeom>
            <a:pattFill prst="dkVert">
              <a:fgClr>
                <a:schemeClr val="tx1"/>
              </a:fgClr>
              <a:bgClr>
                <a:schemeClr val="bg1"/>
              </a:bgClr>
            </a:patt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</p:grpSp>
      <p:sp>
        <p:nvSpPr>
          <p:cNvPr id="66" name="TextBox 65">
            <a:extLst>
              <a:ext uri="{FF2B5EF4-FFF2-40B4-BE49-F238E27FC236}">
                <a16:creationId xmlns:a16="http://schemas.microsoft.com/office/drawing/2014/main" id="{0EFB630C-50A4-4F8B-B2B8-C7D222200596}"/>
              </a:ext>
            </a:extLst>
          </p:cNvPr>
          <p:cNvSpPr txBox="1"/>
          <p:nvPr/>
        </p:nvSpPr>
        <p:spPr>
          <a:xfrm>
            <a:off x="9645654" y="1614526"/>
            <a:ext cx="914400" cy="339854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TEs</a:t>
            </a:r>
          </a:p>
        </p:txBody>
      </p:sp>
      <p:cxnSp>
        <p:nvCxnSpPr>
          <p:cNvPr id="68" name="Connector: Curved 67">
            <a:extLst>
              <a:ext uri="{FF2B5EF4-FFF2-40B4-BE49-F238E27FC236}">
                <a16:creationId xmlns:a16="http://schemas.microsoft.com/office/drawing/2014/main" id="{9713BADB-D367-4C02-8821-5EE0907FBB6C}"/>
              </a:ext>
            </a:extLst>
          </p:cNvPr>
          <p:cNvCxnSpPr>
            <a:cxnSpLocks/>
            <a:stCxn id="70" idx="1"/>
            <a:endCxn id="20" idx="3"/>
          </p:cNvCxnSpPr>
          <p:nvPr/>
        </p:nvCxnSpPr>
        <p:spPr bwMode="auto">
          <a:xfrm flipH="1">
            <a:off x="11021064" y="2157470"/>
            <a:ext cx="495746" cy="3354715"/>
          </a:xfrm>
          <a:prstGeom prst="curvedConnector3">
            <a:avLst>
              <a:gd name="adj1" fmla="val -46112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70" name="Left Brace 69">
            <a:extLst>
              <a:ext uri="{FF2B5EF4-FFF2-40B4-BE49-F238E27FC236}">
                <a16:creationId xmlns:a16="http://schemas.microsoft.com/office/drawing/2014/main" id="{9E5BB349-4139-4B28-9440-9CFC0DF36FF1}"/>
              </a:ext>
            </a:extLst>
          </p:cNvPr>
          <p:cNvSpPr/>
          <p:nvPr/>
        </p:nvSpPr>
        <p:spPr bwMode="auto">
          <a:xfrm rot="10800000">
            <a:off x="11314336" y="1965955"/>
            <a:ext cx="202474" cy="383031"/>
          </a:xfrm>
          <a:prstGeom prst="leftBrace">
            <a:avLst>
              <a:gd name="adj1" fmla="val 102137"/>
              <a:gd name="adj2" fmla="val 50000"/>
            </a:avLst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85" name="TextBox 84">
            <a:extLst>
              <a:ext uri="{FF2B5EF4-FFF2-40B4-BE49-F238E27FC236}">
                <a16:creationId xmlns:a16="http://schemas.microsoft.com/office/drawing/2014/main" id="{C8BDD889-F4A9-494A-BA9E-2651CC5E2BED}"/>
              </a:ext>
            </a:extLst>
          </p:cNvPr>
          <p:cNvSpPr txBox="1"/>
          <p:nvPr/>
        </p:nvSpPr>
        <p:spPr>
          <a:xfrm>
            <a:off x="5935657" y="1609282"/>
            <a:ext cx="202755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rtual </a:t>
            </a: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ddr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 space</a:t>
            </a:r>
          </a:p>
        </p:txBody>
      </p:sp>
      <p:sp>
        <p:nvSpPr>
          <p:cNvPr id="86" name="Rectangle 85">
            <a:extLst>
              <a:ext uri="{FF2B5EF4-FFF2-40B4-BE49-F238E27FC236}">
                <a16:creationId xmlns:a16="http://schemas.microsoft.com/office/drawing/2014/main" id="{881A8DC3-4C8F-42E9-BD08-9AC9D66EFDE1}"/>
              </a:ext>
            </a:extLst>
          </p:cNvPr>
          <p:cNvSpPr/>
          <p:nvPr/>
        </p:nvSpPr>
        <p:spPr bwMode="auto">
          <a:xfrm>
            <a:off x="5755631" y="2099159"/>
            <a:ext cx="2560022" cy="395180"/>
          </a:xfrm>
          <a:prstGeom prst="rect">
            <a:avLst/>
          </a:prstGeom>
          <a:solidFill>
            <a:schemeClr val="bg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Consolas" panose="020B0609020204030204" pitchFamily="49" charset="0"/>
              </a:rPr>
              <a:t>0x0000000000000000</a:t>
            </a:r>
          </a:p>
        </p:txBody>
      </p:sp>
      <p:cxnSp>
        <p:nvCxnSpPr>
          <p:cNvPr id="94" name="Straight Connector 93">
            <a:extLst>
              <a:ext uri="{FF2B5EF4-FFF2-40B4-BE49-F238E27FC236}">
                <a16:creationId xmlns:a16="http://schemas.microsoft.com/office/drawing/2014/main" id="{2B6AF872-F479-4D85-8A54-FA15613EC32D}"/>
              </a:ext>
            </a:extLst>
          </p:cNvPr>
          <p:cNvCxnSpPr>
            <a:cxnSpLocks/>
            <a:stCxn id="86" idx="3"/>
            <a:endCxn id="32" idx="1"/>
          </p:cNvCxnSpPr>
          <p:nvPr/>
        </p:nvCxnSpPr>
        <p:spPr bwMode="auto">
          <a:xfrm flipV="1">
            <a:off x="8315653" y="2166976"/>
            <a:ext cx="390324" cy="129773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873FB870-D79D-4E56-9273-44AE8791B7D5}"/>
              </a:ext>
            </a:extLst>
          </p:cNvPr>
          <p:cNvGrpSpPr/>
          <p:nvPr/>
        </p:nvGrpSpPr>
        <p:grpSpPr>
          <a:xfrm>
            <a:off x="5767061" y="2354392"/>
            <a:ext cx="5554849" cy="723702"/>
            <a:chOff x="5755631" y="2354392"/>
            <a:chExt cx="5554849" cy="723702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D3301ACA-FE5F-409C-8FB2-603905F45D72}"/>
                </a:ext>
              </a:extLst>
            </p:cNvPr>
            <p:cNvGrpSpPr/>
            <p:nvPr/>
          </p:nvGrpSpPr>
          <p:grpSpPr>
            <a:xfrm>
              <a:off x="8700883" y="2354392"/>
              <a:ext cx="2609597" cy="396434"/>
              <a:chOff x="8102858" y="3052328"/>
              <a:chExt cx="2609597" cy="396434"/>
            </a:xfrm>
          </p:grpSpPr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7897DE13-FF07-412F-B47B-2AB2841459D7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9E5908CD-E298-4B36-8BF4-76C97222D6D4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BFE4F5A-6F2E-4BC6-B2B7-7208396780E7}"/>
                  </a:ext>
                </a:extLst>
              </p:cNvPr>
              <p:cNvSpPr/>
              <p:nvPr/>
            </p:nvSpPr>
            <p:spPr bwMode="auto">
              <a:xfrm>
                <a:off x="8569329" y="3052328"/>
                <a:ext cx="300990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10BD54FB-9BA5-4835-BA05-81CFAE720C04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A0724447-2341-4806-9B96-4F6CBE88EAEC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6F248364-F70C-47BD-821A-EE666289DF2E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2" name="Graphic 71" descr="Old Key with solid fill">
              <a:extLst>
                <a:ext uri="{FF2B5EF4-FFF2-40B4-BE49-F238E27FC236}">
                  <a16:creationId xmlns:a16="http://schemas.microsoft.com/office/drawing/2014/main" id="{0FE0AB10-010A-47E4-8C29-FAA52C8AE06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1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65063" y="2362651"/>
              <a:ext cx="398076" cy="398076"/>
            </a:xfrm>
            <a:prstGeom prst="rect">
              <a:avLst/>
            </a:prstGeom>
          </p:spPr>
        </p:pic>
        <p:sp>
          <p:nvSpPr>
            <p:cNvPr id="89" name="Rectangle 88">
              <a:extLst>
                <a:ext uri="{FF2B5EF4-FFF2-40B4-BE49-F238E27FC236}">
                  <a16:creationId xmlns:a16="http://schemas.microsoft.com/office/drawing/2014/main" id="{5673726D-40E0-41D3-B3BC-7CEBEC5CF17E}"/>
                </a:ext>
              </a:extLst>
            </p:cNvPr>
            <p:cNvSpPr/>
            <p:nvPr/>
          </p:nvSpPr>
          <p:spPr bwMode="auto">
            <a:xfrm>
              <a:off x="5755631" y="2682914"/>
              <a:ext cx="2560022" cy="395180"/>
            </a:xfrm>
            <a:prstGeom prst="rect">
              <a:avLst/>
            </a:prstGeom>
            <a:solidFill>
              <a:srgbClr val="005BC6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1000</a:t>
              </a:r>
            </a:p>
          </p:txBody>
        </p:sp>
        <p:cxnSp>
          <p:nvCxnSpPr>
            <p:cNvPr id="96" name="Straight Connector 95">
              <a:extLst>
                <a:ext uri="{FF2B5EF4-FFF2-40B4-BE49-F238E27FC236}">
                  <a16:creationId xmlns:a16="http://schemas.microsoft.com/office/drawing/2014/main" id="{C77DD25A-8212-4C4A-8FCF-813B85FE6F29}"/>
                </a:ext>
              </a:extLst>
            </p:cNvPr>
            <p:cNvCxnSpPr>
              <a:cxnSpLocks/>
              <a:stCxn id="89" idx="3"/>
              <a:endCxn id="40" idx="1"/>
            </p:cNvCxnSpPr>
            <p:nvPr/>
          </p:nvCxnSpPr>
          <p:spPr bwMode="auto">
            <a:xfrm flipV="1">
              <a:off x="8315653" y="2552610"/>
              <a:ext cx="385230" cy="327894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15" name="Group 114">
            <a:extLst>
              <a:ext uri="{FF2B5EF4-FFF2-40B4-BE49-F238E27FC236}">
                <a16:creationId xmlns:a16="http://schemas.microsoft.com/office/drawing/2014/main" id="{CBF9F2FF-042D-4217-B829-2B633C3C3619}"/>
              </a:ext>
            </a:extLst>
          </p:cNvPr>
          <p:cNvGrpSpPr/>
          <p:nvPr/>
        </p:nvGrpSpPr>
        <p:grpSpPr>
          <a:xfrm>
            <a:off x="5761370" y="2750638"/>
            <a:ext cx="5556778" cy="918183"/>
            <a:chOff x="5755631" y="2743665"/>
            <a:chExt cx="5556778" cy="918183"/>
          </a:xfrm>
        </p:grpSpPr>
        <p:grpSp>
          <p:nvGrpSpPr>
            <p:cNvPr id="45" name="Group 44">
              <a:extLst>
                <a:ext uri="{FF2B5EF4-FFF2-40B4-BE49-F238E27FC236}">
                  <a16:creationId xmlns:a16="http://schemas.microsoft.com/office/drawing/2014/main" id="{324F3216-6A5E-4951-9AE6-3D84C257A62C}"/>
                </a:ext>
              </a:extLst>
            </p:cNvPr>
            <p:cNvGrpSpPr/>
            <p:nvPr/>
          </p:nvGrpSpPr>
          <p:grpSpPr>
            <a:xfrm>
              <a:off x="8702812" y="2749861"/>
              <a:ext cx="2609597" cy="396434"/>
              <a:chOff x="8102858" y="3052328"/>
              <a:chExt cx="2609597" cy="396434"/>
            </a:xfrm>
          </p:grpSpPr>
          <p:sp>
            <p:nvSpPr>
              <p:cNvPr id="46" name="Rectangle 45">
                <a:extLst>
                  <a:ext uri="{FF2B5EF4-FFF2-40B4-BE49-F238E27FC236}">
                    <a16:creationId xmlns:a16="http://schemas.microsoft.com/office/drawing/2014/main" id="{21CD0898-34B2-4CF0-9A31-BD9DC41B86D3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7" name="Rectangle 46">
                <a:extLst>
                  <a:ext uri="{FF2B5EF4-FFF2-40B4-BE49-F238E27FC236}">
                    <a16:creationId xmlns:a16="http://schemas.microsoft.com/office/drawing/2014/main" id="{BA96B519-865D-488E-AB8D-6EC7350BE907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8" name="Rectangle 47">
                <a:extLst>
                  <a:ext uri="{FF2B5EF4-FFF2-40B4-BE49-F238E27FC236}">
                    <a16:creationId xmlns:a16="http://schemas.microsoft.com/office/drawing/2014/main" id="{64FA0980-B8B7-40D0-9456-0AF4073BC0AA}"/>
                  </a:ext>
                </a:extLst>
              </p:cNvPr>
              <p:cNvSpPr/>
              <p:nvPr/>
            </p:nvSpPr>
            <p:spPr bwMode="auto">
              <a:xfrm>
                <a:off x="8569329" y="3052328"/>
                <a:ext cx="300990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9" name="Rectangle 48">
                <a:extLst>
                  <a:ext uri="{FF2B5EF4-FFF2-40B4-BE49-F238E27FC236}">
                    <a16:creationId xmlns:a16="http://schemas.microsoft.com/office/drawing/2014/main" id="{858C4F8B-173A-48C4-9933-D39349524988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50" name="Rectangle 49">
                <a:extLst>
                  <a:ext uri="{FF2B5EF4-FFF2-40B4-BE49-F238E27FC236}">
                    <a16:creationId xmlns:a16="http://schemas.microsoft.com/office/drawing/2014/main" id="{54CBF8E4-4A99-4C41-9868-DC6FD9AAF1A4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1" name="Rectangle 50">
                <a:extLst>
                  <a:ext uri="{FF2B5EF4-FFF2-40B4-BE49-F238E27FC236}">
                    <a16:creationId xmlns:a16="http://schemas.microsoft.com/office/drawing/2014/main" id="{BC20DE0F-B9F1-4110-8AF2-150EED951FF9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3" name="Graphic 72" descr="Old Key with solid fill">
              <a:extLst>
                <a:ext uri="{FF2B5EF4-FFF2-40B4-BE49-F238E27FC236}">
                  <a16:creationId xmlns:a16="http://schemas.microsoft.com/office/drawing/2014/main" id="{265BD88B-9979-4040-B207-58476C42589C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2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47730" y="2743665"/>
              <a:ext cx="398076" cy="398076"/>
            </a:xfrm>
            <a:prstGeom prst="rect">
              <a:avLst/>
            </a:prstGeom>
          </p:spPr>
        </p:pic>
        <p:sp>
          <p:nvSpPr>
            <p:cNvPr id="90" name="Rectangle 89">
              <a:extLst>
                <a:ext uri="{FF2B5EF4-FFF2-40B4-BE49-F238E27FC236}">
                  <a16:creationId xmlns:a16="http://schemas.microsoft.com/office/drawing/2014/main" id="{1945F543-066F-4572-91F6-68BED9F1A184}"/>
                </a:ext>
              </a:extLst>
            </p:cNvPr>
            <p:cNvSpPr/>
            <p:nvPr/>
          </p:nvSpPr>
          <p:spPr bwMode="auto">
            <a:xfrm>
              <a:off x="5755631" y="3266668"/>
              <a:ext cx="2560022" cy="395180"/>
            </a:xfrm>
            <a:prstGeom prst="rect">
              <a:avLst/>
            </a:prstGeom>
            <a:solidFill>
              <a:srgbClr val="10A45C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2000</a:t>
              </a:r>
            </a:p>
          </p:txBody>
        </p:sp>
        <p:cxnSp>
          <p:nvCxnSpPr>
            <p:cNvPr id="99" name="Straight Connector 98">
              <a:extLst>
                <a:ext uri="{FF2B5EF4-FFF2-40B4-BE49-F238E27FC236}">
                  <a16:creationId xmlns:a16="http://schemas.microsoft.com/office/drawing/2014/main" id="{314577A1-178A-4B79-8923-0AABCF5F6DC3}"/>
                </a:ext>
              </a:extLst>
            </p:cNvPr>
            <p:cNvCxnSpPr>
              <a:cxnSpLocks/>
              <a:stCxn id="90" idx="3"/>
              <a:endCxn id="47" idx="1"/>
            </p:cNvCxnSpPr>
            <p:nvPr/>
          </p:nvCxnSpPr>
          <p:spPr bwMode="auto">
            <a:xfrm flipV="1">
              <a:off x="8315653" y="2948079"/>
              <a:ext cx="387159" cy="516179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16" name="Group 115">
            <a:extLst>
              <a:ext uri="{FF2B5EF4-FFF2-40B4-BE49-F238E27FC236}">
                <a16:creationId xmlns:a16="http://schemas.microsoft.com/office/drawing/2014/main" id="{62E541EF-4BFE-4717-B111-EB0715B29D81}"/>
              </a:ext>
            </a:extLst>
          </p:cNvPr>
          <p:cNvGrpSpPr/>
          <p:nvPr/>
        </p:nvGrpSpPr>
        <p:grpSpPr>
          <a:xfrm>
            <a:off x="5759163" y="3147233"/>
            <a:ext cx="5558705" cy="1100273"/>
            <a:chOff x="5755631" y="3145329"/>
            <a:chExt cx="5558705" cy="1100273"/>
          </a:xfrm>
        </p:grpSpPr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E296E2E6-2753-4B53-9092-036E72CD1350}"/>
                </a:ext>
              </a:extLst>
            </p:cNvPr>
            <p:cNvGrpSpPr/>
            <p:nvPr/>
          </p:nvGrpSpPr>
          <p:grpSpPr>
            <a:xfrm>
              <a:off x="8704739" y="3145329"/>
              <a:ext cx="2609597" cy="396434"/>
              <a:chOff x="8102858" y="3052328"/>
              <a:chExt cx="2609597" cy="396434"/>
            </a:xfrm>
          </p:grpSpPr>
          <p:sp>
            <p:nvSpPr>
              <p:cNvPr id="53" name="Rectangle 52">
                <a:extLst>
                  <a:ext uri="{FF2B5EF4-FFF2-40B4-BE49-F238E27FC236}">
                    <a16:creationId xmlns:a16="http://schemas.microsoft.com/office/drawing/2014/main" id="{70206631-1D0C-4EBC-BCC0-4019C2260260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4" name="Rectangle 53">
                <a:extLst>
                  <a:ext uri="{FF2B5EF4-FFF2-40B4-BE49-F238E27FC236}">
                    <a16:creationId xmlns:a16="http://schemas.microsoft.com/office/drawing/2014/main" id="{4E19A538-D7B5-410E-BD45-70DAB3B75260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9A28FE5E-7FED-4514-954A-E274C7D5D0F1}"/>
                  </a:ext>
                </a:extLst>
              </p:cNvPr>
              <p:cNvSpPr/>
              <p:nvPr/>
            </p:nvSpPr>
            <p:spPr bwMode="auto">
              <a:xfrm>
                <a:off x="8569329" y="3052328"/>
                <a:ext cx="300990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78D09839-2FC9-4C81-8D89-F89E0C4A7AFD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45A97E42-750B-41FD-9A35-D74FFEFF35FE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48D71494-FE76-4A66-B80A-07CA9C542172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4" name="Graphic 73" descr="Old Key with solid fill">
              <a:extLst>
                <a:ext uri="{FF2B5EF4-FFF2-40B4-BE49-F238E27FC236}">
                  <a16:creationId xmlns:a16="http://schemas.microsoft.com/office/drawing/2014/main" id="{BA301149-F56E-406E-84FB-B558441D95E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3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69278" y="3145330"/>
              <a:ext cx="398076" cy="398076"/>
            </a:xfrm>
            <a:prstGeom prst="rect">
              <a:avLst/>
            </a:prstGeom>
          </p:spPr>
        </p:pic>
        <p:sp>
          <p:nvSpPr>
            <p:cNvPr id="92" name="Rectangle 91">
              <a:extLst>
                <a:ext uri="{FF2B5EF4-FFF2-40B4-BE49-F238E27FC236}">
                  <a16:creationId xmlns:a16="http://schemas.microsoft.com/office/drawing/2014/main" id="{C1A1ACAD-C6AB-4949-8CD1-0742A55CB57E}"/>
                </a:ext>
              </a:extLst>
            </p:cNvPr>
            <p:cNvSpPr/>
            <p:nvPr/>
          </p:nvSpPr>
          <p:spPr bwMode="auto">
            <a:xfrm>
              <a:off x="5755631" y="3850422"/>
              <a:ext cx="2560022" cy="395180"/>
            </a:xfrm>
            <a:prstGeom prst="rect">
              <a:avLst/>
            </a:prstGeom>
            <a:solidFill>
              <a:srgbClr val="7C479E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3000</a:t>
              </a:r>
            </a:p>
          </p:txBody>
        </p:sp>
        <p:cxnSp>
          <p:nvCxnSpPr>
            <p:cNvPr id="105" name="Straight Connector 104">
              <a:extLst>
                <a:ext uri="{FF2B5EF4-FFF2-40B4-BE49-F238E27FC236}">
                  <a16:creationId xmlns:a16="http://schemas.microsoft.com/office/drawing/2014/main" id="{4340393C-9221-4FF6-9B31-EC1B105252A9}"/>
                </a:ext>
              </a:extLst>
            </p:cNvPr>
            <p:cNvCxnSpPr>
              <a:cxnSpLocks/>
              <a:stCxn id="92" idx="3"/>
              <a:endCxn id="54" idx="1"/>
            </p:cNvCxnSpPr>
            <p:nvPr/>
          </p:nvCxnSpPr>
          <p:spPr bwMode="auto">
            <a:xfrm flipV="1">
              <a:off x="8315653" y="3343547"/>
              <a:ext cx="389086" cy="704465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18" name="Group 117">
            <a:extLst>
              <a:ext uri="{FF2B5EF4-FFF2-40B4-BE49-F238E27FC236}">
                <a16:creationId xmlns:a16="http://schemas.microsoft.com/office/drawing/2014/main" id="{805362B2-4129-4B3B-AED4-AC1B767A673D}"/>
              </a:ext>
            </a:extLst>
          </p:cNvPr>
          <p:cNvGrpSpPr/>
          <p:nvPr/>
        </p:nvGrpSpPr>
        <p:grpSpPr>
          <a:xfrm>
            <a:off x="5755631" y="3540796"/>
            <a:ext cx="5560639" cy="1288561"/>
            <a:chOff x="5755631" y="3540796"/>
            <a:chExt cx="5560639" cy="1288561"/>
          </a:xfrm>
        </p:grpSpPr>
        <p:grpSp>
          <p:nvGrpSpPr>
            <p:cNvPr id="59" name="Group 58">
              <a:extLst>
                <a:ext uri="{FF2B5EF4-FFF2-40B4-BE49-F238E27FC236}">
                  <a16:creationId xmlns:a16="http://schemas.microsoft.com/office/drawing/2014/main" id="{A5A06393-7E4A-44B5-AA75-F105D808B1C1}"/>
                </a:ext>
              </a:extLst>
            </p:cNvPr>
            <p:cNvGrpSpPr/>
            <p:nvPr/>
          </p:nvGrpSpPr>
          <p:grpSpPr>
            <a:xfrm>
              <a:off x="8706673" y="3540796"/>
              <a:ext cx="2609597" cy="396434"/>
              <a:chOff x="8102858" y="3052328"/>
              <a:chExt cx="2609597" cy="396434"/>
            </a:xfrm>
          </p:grpSpPr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3217B7D0-0C70-4A7E-B114-1CFB9C8E6083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4A2F06F6-76F6-49E7-8986-EBBF8DE58FDE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EC9C812B-21D6-41D8-AEA0-CDB7B9BB69FA}"/>
                  </a:ext>
                </a:extLst>
              </p:cNvPr>
              <p:cNvSpPr/>
              <p:nvPr/>
            </p:nvSpPr>
            <p:spPr bwMode="auto">
              <a:xfrm>
                <a:off x="8563537" y="3052328"/>
                <a:ext cx="306781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E7C1DD31-93A9-48A7-A586-8E4D2E2BDEBE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D2C73673-4475-4CEE-9321-B081127C6863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91AD56A7-2523-4675-97F0-FDAAE1245941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6" name="Graphic 75" descr="Old Key with solid fill">
              <a:extLst>
                <a:ext uri="{FF2B5EF4-FFF2-40B4-BE49-F238E27FC236}">
                  <a16:creationId xmlns:a16="http://schemas.microsoft.com/office/drawing/2014/main" id="{840454D2-0FE0-40D3-8C65-020B31590133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5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47730" y="3543337"/>
              <a:ext cx="398076" cy="398076"/>
            </a:xfrm>
            <a:prstGeom prst="rect">
              <a:avLst/>
            </a:prstGeom>
          </p:spPr>
        </p:pic>
        <p:sp>
          <p:nvSpPr>
            <p:cNvPr id="91" name="Rectangle 90">
              <a:extLst>
                <a:ext uri="{FF2B5EF4-FFF2-40B4-BE49-F238E27FC236}">
                  <a16:creationId xmlns:a16="http://schemas.microsoft.com/office/drawing/2014/main" id="{5AA73953-7F2E-4318-8FCB-E05398D5ED4E}"/>
                </a:ext>
              </a:extLst>
            </p:cNvPr>
            <p:cNvSpPr/>
            <p:nvPr/>
          </p:nvSpPr>
          <p:spPr bwMode="auto">
            <a:xfrm>
              <a:off x="5755631" y="4434177"/>
              <a:ext cx="2560022" cy="395180"/>
            </a:xfrm>
            <a:prstGeom prst="rect">
              <a:avLst/>
            </a:prstGeom>
            <a:solidFill>
              <a:srgbClr val="D16200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4000</a:t>
              </a:r>
            </a:p>
          </p:txBody>
        </p:sp>
        <p:cxnSp>
          <p:nvCxnSpPr>
            <p:cNvPr id="108" name="Straight Connector 107">
              <a:extLst>
                <a:ext uri="{FF2B5EF4-FFF2-40B4-BE49-F238E27FC236}">
                  <a16:creationId xmlns:a16="http://schemas.microsoft.com/office/drawing/2014/main" id="{08E3A5D0-5863-436E-8FA1-13DE4AC4BEBA}"/>
                </a:ext>
              </a:extLst>
            </p:cNvPr>
            <p:cNvCxnSpPr>
              <a:cxnSpLocks/>
              <a:stCxn id="91" idx="3"/>
              <a:endCxn id="61" idx="1"/>
            </p:cNvCxnSpPr>
            <p:nvPr/>
          </p:nvCxnSpPr>
          <p:spPr bwMode="auto">
            <a:xfrm flipV="1">
              <a:off x="8315653" y="3739014"/>
              <a:ext cx="391020" cy="892753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31" name="Group 130">
            <a:extLst>
              <a:ext uri="{FF2B5EF4-FFF2-40B4-BE49-F238E27FC236}">
                <a16:creationId xmlns:a16="http://schemas.microsoft.com/office/drawing/2014/main" id="{8D97BADD-B42C-4D16-A7C6-66B9CFF6E297}"/>
              </a:ext>
            </a:extLst>
          </p:cNvPr>
          <p:cNvGrpSpPr/>
          <p:nvPr/>
        </p:nvGrpSpPr>
        <p:grpSpPr>
          <a:xfrm>
            <a:off x="1933757" y="3565349"/>
            <a:ext cx="2743961" cy="1277402"/>
            <a:chOff x="1785802" y="3612070"/>
            <a:chExt cx="2743961" cy="1277402"/>
          </a:xfrm>
        </p:grpSpPr>
        <p:grpSp>
          <p:nvGrpSpPr>
            <p:cNvPr id="129" name="Group 128">
              <a:extLst>
                <a:ext uri="{FF2B5EF4-FFF2-40B4-BE49-F238E27FC236}">
                  <a16:creationId xmlns:a16="http://schemas.microsoft.com/office/drawing/2014/main" id="{2CC8CC4E-55A1-40DD-AE39-8DECDCEDF677}"/>
                </a:ext>
              </a:extLst>
            </p:cNvPr>
            <p:cNvGrpSpPr/>
            <p:nvPr/>
          </p:nvGrpSpPr>
          <p:grpSpPr>
            <a:xfrm>
              <a:off x="1785802" y="3978882"/>
              <a:ext cx="2743961" cy="910590"/>
              <a:chOff x="2577729" y="3834827"/>
              <a:chExt cx="2743961" cy="910590"/>
            </a:xfrm>
          </p:grpSpPr>
          <p:sp>
            <p:nvSpPr>
              <p:cNvPr id="128" name="Rectangle 127">
                <a:extLst>
                  <a:ext uri="{FF2B5EF4-FFF2-40B4-BE49-F238E27FC236}">
                    <a16:creationId xmlns:a16="http://schemas.microsoft.com/office/drawing/2014/main" id="{2BB6E8DD-8D43-45AC-ACC6-85DEDE7191BD}"/>
                  </a:ext>
                </a:extLst>
              </p:cNvPr>
              <p:cNvSpPr/>
              <p:nvPr/>
            </p:nvSpPr>
            <p:spPr bwMode="auto">
              <a:xfrm>
                <a:off x="4420882" y="3834827"/>
                <a:ext cx="308610" cy="910590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dash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endParaRPr lang="en-US" sz="1100">
                  <a:solidFill>
                    <a:schemeClr val="tx1"/>
                  </a:solidFill>
                  <a:latin typeface="Consolas" panose="020B0609020204030204" pitchFamily="49" charset="0"/>
                </a:endParaRPr>
              </a:p>
            </p:txBody>
          </p:sp>
          <p:sp>
            <p:nvSpPr>
              <p:cNvPr id="126" name="Rectangle 125">
                <a:extLst>
                  <a:ext uri="{FF2B5EF4-FFF2-40B4-BE49-F238E27FC236}">
                    <a16:creationId xmlns:a16="http://schemas.microsoft.com/office/drawing/2014/main" id="{F19C784B-EE47-41F5-BFA6-DE7C7C8E01DA}"/>
                  </a:ext>
                </a:extLst>
              </p:cNvPr>
              <p:cNvSpPr/>
              <p:nvPr/>
            </p:nvSpPr>
            <p:spPr bwMode="auto">
              <a:xfrm>
                <a:off x="4710957" y="3834827"/>
                <a:ext cx="308610" cy="910590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0</a:t>
                </a:r>
              </a:p>
            </p:txBody>
          </p:sp>
          <p:sp>
            <p:nvSpPr>
              <p:cNvPr id="127" name="Rectangle 126">
                <a:extLst>
                  <a:ext uri="{FF2B5EF4-FFF2-40B4-BE49-F238E27FC236}">
                    <a16:creationId xmlns:a16="http://schemas.microsoft.com/office/drawing/2014/main" id="{08A6E935-F05C-4487-B6A5-786C6CB9F9F6}"/>
                  </a:ext>
                </a:extLst>
              </p:cNvPr>
              <p:cNvSpPr/>
              <p:nvPr/>
            </p:nvSpPr>
            <p:spPr bwMode="auto">
              <a:xfrm>
                <a:off x="5013080" y="3834827"/>
                <a:ext cx="308610" cy="910590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0</a:t>
                </a:r>
              </a:p>
            </p:txBody>
          </p:sp>
          <p:sp>
            <p:nvSpPr>
              <p:cNvPr id="119" name="Rectangle 118">
                <a:extLst>
                  <a:ext uri="{FF2B5EF4-FFF2-40B4-BE49-F238E27FC236}">
                    <a16:creationId xmlns:a16="http://schemas.microsoft.com/office/drawing/2014/main" id="{CCA647F2-1CD5-4B4D-8252-74160109D5C7}"/>
                  </a:ext>
                </a:extLst>
              </p:cNvPr>
              <p:cNvSpPr/>
              <p:nvPr/>
            </p:nvSpPr>
            <p:spPr bwMode="auto">
              <a:xfrm>
                <a:off x="2577729" y="3834827"/>
                <a:ext cx="308610" cy="910590"/>
              </a:xfrm>
              <a:prstGeom prst="rect">
                <a:avLst/>
              </a:prstGeom>
              <a:solidFill>
                <a:srgbClr val="005BC6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5</a:t>
                </a:r>
              </a:p>
            </p:txBody>
          </p:sp>
          <p:sp>
            <p:nvSpPr>
              <p:cNvPr id="120" name="Rectangle 119">
                <a:extLst>
                  <a:ext uri="{FF2B5EF4-FFF2-40B4-BE49-F238E27FC236}">
                    <a16:creationId xmlns:a16="http://schemas.microsoft.com/office/drawing/2014/main" id="{18AE7D5E-4F19-4E9A-96AD-83A88E3E4B22}"/>
                  </a:ext>
                </a:extLst>
              </p:cNvPr>
              <p:cNvSpPr/>
              <p:nvPr/>
            </p:nvSpPr>
            <p:spPr bwMode="auto">
              <a:xfrm>
                <a:off x="2891352" y="3834827"/>
                <a:ext cx="308610" cy="910590"/>
              </a:xfrm>
              <a:prstGeom prst="rect">
                <a:avLst/>
              </a:prstGeom>
              <a:solidFill>
                <a:srgbClr val="005BC6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5</a:t>
                </a:r>
              </a:p>
            </p:txBody>
          </p:sp>
          <p:sp>
            <p:nvSpPr>
              <p:cNvPr id="121" name="Rectangle 120">
                <a:extLst>
                  <a:ext uri="{FF2B5EF4-FFF2-40B4-BE49-F238E27FC236}">
                    <a16:creationId xmlns:a16="http://schemas.microsoft.com/office/drawing/2014/main" id="{CC4450F7-0592-400F-BE7F-C5C962170CDF}"/>
                  </a:ext>
                </a:extLst>
              </p:cNvPr>
              <p:cNvSpPr/>
              <p:nvPr/>
            </p:nvSpPr>
            <p:spPr bwMode="auto">
              <a:xfrm>
                <a:off x="3201052" y="3834827"/>
                <a:ext cx="308610" cy="910590"/>
              </a:xfrm>
              <a:prstGeom prst="rect">
                <a:avLst/>
              </a:prstGeom>
              <a:solidFill>
                <a:srgbClr val="10A45C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4</a:t>
                </a:r>
              </a:p>
            </p:txBody>
          </p:sp>
          <p:sp>
            <p:nvSpPr>
              <p:cNvPr id="122" name="Rectangle 121">
                <a:extLst>
                  <a:ext uri="{FF2B5EF4-FFF2-40B4-BE49-F238E27FC236}">
                    <a16:creationId xmlns:a16="http://schemas.microsoft.com/office/drawing/2014/main" id="{02485670-AC36-4491-955E-A120FE7E9290}"/>
                  </a:ext>
                </a:extLst>
              </p:cNvPr>
              <p:cNvSpPr/>
              <p:nvPr/>
            </p:nvSpPr>
            <p:spPr bwMode="auto">
              <a:xfrm>
                <a:off x="3504886" y="3834827"/>
                <a:ext cx="308610" cy="910590"/>
              </a:xfrm>
              <a:prstGeom prst="rect">
                <a:avLst/>
              </a:prstGeom>
              <a:solidFill>
                <a:srgbClr val="10A45C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4</a:t>
                </a:r>
              </a:p>
            </p:txBody>
          </p:sp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D13C466-CC98-4E5B-A7CC-0FC63246F32B}"/>
                  </a:ext>
                </a:extLst>
              </p:cNvPr>
              <p:cNvSpPr/>
              <p:nvPr/>
            </p:nvSpPr>
            <p:spPr bwMode="auto">
              <a:xfrm>
                <a:off x="3815256" y="3834827"/>
                <a:ext cx="308610" cy="910590"/>
              </a:xfrm>
              <a:prstGeom prst="rect">
                <a:avLst/>
              </a:prstGeom>
              <a:solidFill>
                <a:srgbClr val="7C479E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3</a:t>
                </a:r>
              </a:p>
            </p:txBody>
          </p:sp>
          <p:sp>
            <p:nvSpPr>
              <p:cNvPr id="124" name="Rectangle 123">
                <a:extLst>
                  <a:ext uri="{FF2B5EF4-FFF2-40B4-BE49-F238E27FC236}">
                    <a16:creationId xmlns:a16="http://schemas.microsoft.com/office/drawing/2014/main" id="{925B1173-5BDC-4434-ADC3-4BF4BDA61CFD}"/>
                  </a:ext>
                </a:extLst>
              </p:cNvPr>
              <p:cNvSpPr/>
              <p:nvPr/>
            </p:nvSpPr>
            <p:spPr bwMode="auto">
              <a:xfrm>
                <a:off x="4117379" y="3834827"/>
                <a:ext cx="308610" cy="910590"/>
              </a:xfrm>
              <a:prstGeom prst="rect">
                <a:avLst/>
              </a:prstGeom>
              <a:solidFill>
                <a:srgbClr val="7C479E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3</a:t>
                </a:r>
              </a:p>
            </p:txBody>
          </p:sp>
        </p:grpSp>
        <p:sp>
          <p:nvSpPr>
            <p:cNvPr id="130" name="TextBox 129">
              <a:extLst>
                <a:ext uri="{FF2B5EF4-FFF2-40B4-BE49-F238E27FC236}">
                  <a16:creationId xmlns:a16="http://schemas.microsoft.com/office/drawing/2014/main" id="{FB4C61D2-2794-49E8-93AB-766A5D8B0313}"/>
                </a:ext>
              </a:extLst>
            </p:cNvPr>
            <p:cNvSpPr txBox="1"/>
            <p:nvPr/>
          </p:nvSpPr>
          <p:spPr>
            <a:xfrm>
              <a:off x="2784004" y="3612070"/>
              <a:ext cx="914400" cy="28310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2000" b="0" i="0" u="none" strike="noStrike" kern="1000" cap="none" spc="-3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PKRU</a:t>
              </a:r>
            </a:p>
          </p:txBody>
        </p:sp>
      </p:grpSp>
      <p:grpSp>
        <p:nvGrpSpPr>
          <p:cNvPr id="152" name="Group 151">
            <a:extLst>
              <a:ext uri="{FF2B5EF4-FFF2-40B4-BE49-F238E27FC236}">
                <a16:creationId xmlns:a16="http://schemas.microsoft.com/office/drawing/2014/main" id="{5864E529-4E54-487A-B550-7145EF814283}"/>
              </a:ext>
            </a:extLst>
          </p:cNvPr>
          <p:cNvGrpSpPr/>
          <p:nvPr/>
        </p:nvGrpSpPr>
        <p:grpSpPr>
          <a:xfrm>
            <a:off x="242689" y="3932161"/>
            <a:ext cx="2158996" cy="910590"/>
            <a:chOff x="242689" y="3932161"/>
            <a:chExt cx="2158996" cy="910590"/>
          </a:xfrm>
        </p:grpSpPr>
        <p:sp>
          <p:nvSpPr>
            <p:cNvPr id="134" name="TextBox 9">
              <a:extLst>
                <a:ext uri="{FF2B5EF4-FFF2-40B4-BE49-F238E27FC236}">
                  <a16:creationId xmlns:a16="http://schemas.microsoft.com/office/drawing/2014/main" id="{FA48D8D6-B055-4748-9D88-A4130E88C4DE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366808" y="4174581"/>
              <a:ext cx="1271182" cy="27699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wrap="none" lIns="0" tIns="0" rIns="0" bIns="0">
              <a:spAutoFit/>
            </a:bodyPr>
            <a:lstStyle>
              <a:lvl1pPr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 eaLnBrk="1" hangingPunct="1"/>
              <a:r>
                <a:rPr lang="fi-FI" altLang="en-US">
                  <a:latin typeface="+mn-lt"/>
                </a:rPr>
                <a:t>write disable</a:t>
              </a:r>
            </a:p>
          </p:txBody>
        </p:sp>
        <p:sp>
          <p:nvSpPr>
            <p:cNvPr id="135" name="TextBox 10">
              <a:extLst>
                <a:ext uri="{FF2B5EF4-FFF2-40B4-BE49-F238E27FC236}">
                  <a16:creationId xmlns:a16="http://schemas.microsoft.com/office/drawing/2014/main" id="{C051A471-E0A1-461A-A5FA-C6A031B47E2A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242689" y="4449572"/>
              <a:ext cx="1407437" cy="27699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wrap="none" lIns="0" tIns="0" rIns="0" bIns="0">
              <a:spAutoFit/>
            </a:bodyPr>
            <a:lstStyle>
              <a:lvl1pPr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 eaLnBrk="1" hangingPunct="1"/>
              <a:r>
                <a:rPr lang="fi-FI" altLang="en-US">
                  <a:latin typeface="+mn-lt"/>
                </a:rPr>
                <a:t>access disable</a:t>
              </a:r>
            </a:p>
          </p:txBody>
        </p:sp>
        <p:cxnSp>
          <p:nvCxnSpPr>
            <p:cNvPr id="136" name="Curved Connector 12">
              <a:extLst>
                <a:ext uri="{FF2B5EF4-FFF2-40B4-BE49-F238E27FC236}">
                  <a16:creationId xmlns:a16="http://schemas.microsoft.com/office/drawing/2014/main" id="{01D1EAD6-8CF5-4BA9-BBF9-E78934DA6303}"/>
                </a:ext>
              </a:extLst>
            </p:cNvPr>
            <p:cNvCxnSpPr>
              <a:cxnSpLocks/>
              <a:stCxn id="135" idx="3"/>
              <a:endCxn id="120" idx="2"/>
            </p:cNvCxnSpPr>
            <p:nvPr/>
          </p:nvCxnSpPr>
          <p:spPr>
            <a:xfrm>
              <a:off x="1650126" y="4588072"/>
              <a:ext cx="751559" cy="254679"/>
            </a:xfrm>
            <a:prstGeom prst="curvedConnector4">
              <a:avLst>
                <a:gd name="adj1" fmla="val 7796"/>
                <a:gd name="adj2" fmla="val 153856"/>
              </a:avLst>
            </a:prstGeom>
            <a:ln>
              <a:solidFill>
                <a:schemeClr val="tx1"/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7" name="Curved Connector 13">
              <a:extLst>
                <a:ext uri="{FF2B5EF4-FFF2-40B4-BE49-F238E27FC236}">
                  <a16:creationId xmlns:a16="http://schemas.microsoft.com/office/drawing/2014/main" id="{AD0A347E-AEA7-4F8F-A7DE-828468554334}"/>
                </a:ext>
              </a:extLst>
            </p:cNvPr>
            <p:cNvCxnSpPr>
              <a:cxnSpLocks/>
              <a:stCxn id="134" idx="3"/>
              <a:endCxn id="119" idx="0"/>
            </p:cNvCxnSpPr>
            <p:nvPr/>
          </p:nvCxnSpPr>
          <p:spPr>
            <a:xfrm flipV="1">
              <a:off x="1637990" y="3932161"/>
              <a:ext cx="450072" cy="380920"/>
            </a:xfrm>
            <a:prstGeom prst="curvedConnector4">
              <a:avLst>
                <a:gd name="adj1" fmla="val 32858"/>
                <a:gd name="adj2" fmla="val 160013"/>
              </a:avLst>
            </a:prstGeom>
            <a:ln>
              <a:solidFill>
                <a:schemeClr val="tx1"/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1253874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1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31C70B-02EF-B129-EA99-54FA9A5BC3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Libpng</a:t>
            </a:r>
            <a:r>
              <a:rPr lang="en-US" dirty="0"/>
              <a:t> performanc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D9F9144-2F2F-15DD-F769-CD64B0752756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844675"/>
            <a:ext cx="7874000" cy="4392612"/>
          </a:xfrm>
        </p:spPr>
        <p:txBody>
          <a:bodyPr/>
          <a:lstStyle/>
          <a:p>
            <a:r>
              <a:rPr lang="en-US" dirty="0"/>
              <a:t>The C library </a:t>
            </a:r>
            <a:r>
              <a:rPr lang="en-US" dirty="0" err="1"/>
              <a:t>libpng</a:t>
            </a:r>
            <a:r>
              <a:rPr lang="en-US" dirty="0"/>
              <a:t> is used to handle portable network graphic image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560B56D-2F3F-2C96-8E27-E0D6CBEBF38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9425" y="3259931"/>
            <a:ext cx="10301288" cy="2000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44140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6550D69D-1EA6-F68E-0FB7-3109F0A22142}"/>
              </a:ext>
            </a:extLst>
          </p:cNvPr>
          <p:cNvCxnSpPr>
            <a:cxnSpLocks/>
            <a:stCxn id="77" idx="2"/>
          </p:cNvCxnSpPr>
          <p:nvPr/>
        </p:nvCxnSpPr>
        <p:spPr>
          <a:xfrm flipH="1">
            <a:off x="3842011" y="3780761"/>
            <a:ext cx="1" cy="2152449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dash"/>
            <a:miter lim="800000"/>
            <a:tailEnd type="triangle"/>
          </a:ln>
          <a:effectLst/>
        </p:spPr>
      </p:cxnSp>
      <p:sp>
        <p:nvSpPr>
          <p:cNvPr id="59" name="Rectangle 58">
            <a:extLst>
              <a:ext uri="{FF2B5EF4-FFF2-40B4-BE49-F238E27FC236}">
                <a16:creationId xmlns:a16="http://schemas.microsoft.com/office/drawing/2014/main" id="{67D83694-D552-BAD8-890D-4B19312ED8A2}"/>
              </a:ext>
            </a:extLst>
          </p:cNvPr>
          <p:cNvSpPr/>
          <p:nvPr/>
        </p:nvSpPr>
        <p:spPr>
          <a:xfrm>
            <a:off x="5635840" y="1217985"/>
            <a:ext cx="4821068" cy="4424962"/>
          </a:xfrm>
          <a:prstGeom prst="rect">
            <a:avLst/>
          </a:prstGeom>
          <a:solidFill>
            <a:srgbClr val="FFC000">
              <a:lumMod val="20000"/>
              <a:lumOff val="80000"/>
            </a:srgbClr>
          </a:solidFill>
          <a:ln w="12700" cap="flat" cmpd="sng" algn="ctr">
            <a:solidFill>
              <a:srgbClr val="4472C4">
                <a:shade val="50000"/>
              </a:srgbClr>
            </a:solidFill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ested domain 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D39E6540-CB98-F6B2-B8F3-BC75F9BA9194}"/>
              </a:ext>
            </a:extLst>
          </p:cNvPr>
          <p:cNvSpPr/>
          <p:nvPr/>
        </p:nvSpPr>
        <p:spPr>
          <a:xfrm>
            <a:off x="1258324" y="1107511"/>
            <a:ext cx="9325539" cy="4642978"/>
          </a:xfrm>
          <a:prstGeom prst="rect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F886F2D0-5EE0-9502-8AAD-BB20D4445E91}"/>
              </a:ext>
            </a:extLst>
          </p:cNvPr>
          <p:cNvSpPr txBox="1"/>
          <p:nvPr/>
        </p:nvSpPr>
        <p:spPr>
          <a:xfrm>
            <a:off x="1458629" y="908709"/>
            <a:ext cx="1172867" cy="369332"/>
          </a:xfrm>
          <a:prstGeom prst="rect">
            <a:avLst/>
          </a:prstGeom>
          <a:solidFill>
            <a:sysClr val="window" lastClr="FFFFFF"/>
          </a:solidFill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F(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)</a:t>
            </a:r>
          </a:p>
        </p:txBody>
      </p:sp>
      <p:sp>
        <p:nvSpPr>
          <p:cNvPr id="62" name="Rectangle 61">
            <a:extLst>
              <a:ext uri="{FF2B5EF4-FFF2-40B4-BE49-F238E27FC236}">
                <a16:creationId xmlns:a16="http://schemas.microsoft.com/office/drawing/2014/main" id="{DFDB0897-E759-D09E-E0A8-20E7B8007916}"/>
              </a:ext>
            </a:extLst>
          </p:cNvPr>
          <p:cNvSpPr/>
          <p:nvPr/>
        </p:nvSpPr>
        <p:spPr>
          <a:xfrm>
            <a:off x="1456212" y="1847266"/>
            <a:ext cx="1172867" cy="702860"/>
          </a:xfrm>
          <a:prstGeom prst="rect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it 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</a:t>
            </a: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6298B42E-3FDE-6A4C-5600-3EBFB14B949B}"/>
              </a:ext>
            </a:extLst>
          </p:cNvPr>
          <p:cNvSpPr txBox="1"/>
          <p:nvPr/>
        </p:nvSpPr>
        <p:spPr>
          <a:xfrm>
            <a:off x="7888894" y="623237"/>
            <a:ext cx="2694969" cy="369332"/>
          </a:xfrm>
          <a:prstGeom prst="rect">
            <a:avLst/>
          </a:prstGeom>
          <a:noFill/>
          <a:ln>
            <a:solidFill>
              <a:sysClr val="windowText" lastClr="000000"/>
            </a:solidFill>
          </a:ln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Miriam Fixed" panose="020B0604020202020204" pitchFamily="49" charset="-79"/>
              </a:rPr>
              <a:t>sandbox!(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Miriam Fixed" panose="020B0604020202020204" pitchFamily="49" charset="-79"/>
              </a:rPr>
              <a:t>func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Miriam Fixed" panose="020B0604020202020204" pitchFamily="49" charset="-79"/>
              </a:rPr>
              <a:t> F …)</a:t>
            </a:r>
          </a:p>
        </p:txBody>
      </p: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7E326CB0-567C-769A-8283-A0CEBA918B87}"/>
              </a:ext>
            </a:extLst>
          </p:cNvPr>
          <p:cNvCxnSpPr>
            <a:cxnSpLocks/>
            <a:endCxn id="61" idx="0"/>
          </p:cNvCxnSpPr>
          <p:nvPr/>
        </p:nvCxnSpPr>
        <p:spPr>
          <a:xfrm>
            <a:off x="2042646" y="562432"/>
            <a:ext cx="2417" cy="346277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dash"/>
            <a:miter lim="800000"/>
            <a:tailEnd type="triangle"/>
          </a:ln>
          <a:effectLst/>
        </p:spPr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7DF91EAC-C382-88FB-9549-D69FCDB36553}"/>
              </a:ext>
            </a:extLst>
          </p:cNvPr>
          <p:cNvCxnSpPr>
            <a:cxnSpLocks/>
            <a:stCxn id="61" idx="2"/>
            <a:endCxn id="62" idx="0"/>
          </p:cNvCxnSpPr>
          <p:nvPr/>
        </p:nvCxnSpPr>
        <p:spPr>
          <a:xfrm flipH="1">
            <a:off x="2042646" y="1278041"/>
            <a:ext cx="2417" cy="569225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66" name="Rectangle: Rounded Corners 65">
            <a:extLst>
              <a:ext uri="{FF2B5EF4-FFF2-40B4-BE49-F238E27FC236}">
                <a16:creationId xmlns:a16="http://schemas.microsoft.com/office/drawing/2014/main" id="{C5BB9929-7B23-58D8-946E-836FF41EC154}"/>
              </a:ext>
            </a:extLst>
          </p:cNvPr>
          <p:cNvSpPr/>
          <p:nvPr/>
        </p:nvSpPr>
        <p:spPr>
          <a:xfrm>
            <a:off x="3238098" y="1832059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sh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rg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49F8E41D-FF19-C185-A8D8-BE6542DE4F9E}"/>
              </a:ext>
            </a:extLst>
          </p:cNvPr>
          <p:cNvCxnSpPr>
            <a:cxnSpLocks/>
            <a:stCxn id="62" idx="3"/>
            <a:endCxn id="66" idx="1"/>
          </p:cNvCxnSpPr>
          <p:nvPr/>
        </p:nvCxnSpPr>
        <p:spPr>
          <a:xfrm>
            <a:off x="2629079" y="2198696"/>
            <a:ext cx="609019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68" name="Rectangle 67">
            <a:extLst>
              <a:ext uri="{FF2B5EF4-FFF2-40B4-BE49-F238E27FC236}">
                <a16:creationId xmlns:a16="http://schemas.microsoft.com/office/drawing/2014/main" id="{A1C29BB5-12F4-8055-47C7-7A082382CF54}"/>
              </a:ext>
            </a:extLst>
          </p:cNvPr>
          <p:cNvSpPr/>
          <p:nvPr/>
        </p:nvSpPr>
        <p:spPr>
          <a:xfrm>
            <a:off x="5031926" y="1847266"/>
            <a:ext cx="1207827" cy="702860"/>
          </a:xfrm>
          <a:prstGeom prst="rect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nter 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</a:t>
            </a:r>
          </a:p>
        </p:txBody>
      </p:sp>
      <p:cxnSp>
        <p:nvCxnSpPr>
          <p:cNvPr id="69" name="Straight Arrow Connector 68">
            <a:extLst>
              <a:ext uri="{FF2B5EF4-FFF2-40B4-BE49-F238E27FC236}">
                <a16:creationId xmlns:a16="http://schemas.microsoft.com/office/drawing/2014/main" id="{04366F87-A9EF-4339-F8DD-89A830BBE78E}"/>
              </a:ext>
            </a:extLst>
          </p:cNvPr>
          <p:cNvCxnSpPr>
            <a:cxnSpLocks/>
            <a:stCxn id="66" idx="3"/>
            <a:endCxn id="68" idx="1"/>
          </p:cNvCxnSpPr>
          <p:nvPr/>
        </p:nvCxnSpPr>
        <p:spPr>
          <a:xfrm>
            <a:off x="4445925" y="2198696"/>
            <a:ext cx="58600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70" name="Rectangle 69">
            <a:extLst>
              <a:ext uri="{FF2B5EF4-FFF2-40B4-BE49-F238E27FC236}">
                <a16:creationId xmlns:a16="http://schemas.microsoft.com/office/drawing/2014/main" id="{D6E4A3FF-3315-5605-5A22-B89D3641BBF6}"/>
              </a:ext>
            </a:extLst>
          </p:cNvPr>
          <p:cNvSpPr/>
          <p:nvPr/>
        </p:nvSpPr>
        <p:spPr>
          <a:xfrm>
            <a:off x="5031926" y="3062694"/>
            <a:ext cx="1207827" cy="702860"/>
          </a:xfrm>
          <a:prstGeom prst="rect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Rewind &amp; Discard</a:t>
            </a:r>
          </a:p>
        </p:txBody>
      </p:sp>
      <p:sp>
        <p:nvSpPr>
          <p:cNvPr id="71" name="Rectangle: Rounded Corners 70">
            <a:extLst>
              <a:ext uri="{FF2B5EF4-FFF2-40B4-BE49-F238E27FC236}">
                <a16:creationId xmlns:a16="http://schemas.microsoft.com/office/drawing/2014/main" id="{E1356FE4-F636-F84F-7B72-A144A7FA99ED}"/>
              </a:ext>
            </a:extLst>
          </p:cNvPr>
          <p:cNvSpPr/>
          <p:nvPr/>
        </p:nvSpPr>
        <p:spPr>
          <a:xfrm>
            <a:off x="6820634" y="1832059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rg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2" name="Rectangle: Rounded Corners 71">
            <a:extLst>
              <a:ext uri="{FF2B5EF4-FFF2-40B4-BE49-F238E27FC236}">
                <a16:creationId xmlns:a16="http://schemas.microsoft.com/office/drawing/2014/main" id="{724FE990-0AAC-FBF1-8638-45D6AE83A0F3}"/>
              </a:ext>
            </a:extLst>
          </p:cNvPr>
          <p:cNvSpPr/>
          <p:nvPr/>
        </p:nvSpPr>
        <p:spPr>
          <a:xfrm>
            <a:off x="8607635" y="1832059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wrap="none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all </a:t>
            </a:r>
            <a:b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__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real_F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Lucida Console" panose="020B0609040504020204" pitchFamily="49" charset="0"/>
              <a:ea typeface="+mn-ea"/>
              <a:cs typeface="+mn-cs"/>
            </a:endParaRPr>
          </a:p>
        </p:txBody>
      </p:sp>
      <p:sp>
        <p:nvSpPr>
          <p:cNvPr id="73" name="Flowchart: Decision 72">
            <a:extLst>
              <a:ext uri="{FF2B5EF4-FFF2-40B4-BE49-F238E27FC236}">
                <a16:creationId xmlns:a16="http://schemas.microsoft.com/office/drawing/2014/main" id="{63C34972-9D01-CE3A-3E0D-4F32370E5AA3}"/>
              </a:ext>
            </a:extLst>
          </p:cNvPr>
          <p:cNvSpPr/>
          <p:nvPr/>
        </p:nvSpPr>
        <p:spPr>
          <a:xfrm>
            <a:off x="8467745" y="2946688"/>
            <a:ext cx="1487607" cy="934872"/>
          </a:xfrm>
          <a:prstGeom prst="flowChartDecision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ult?</a:t>
            </a:r>
          </a:p>
        </p:txBody>
      </p:sp>
      <p:sp>
        <p:nvSpPr>
          <p:cNvPr id="74" name="Rectangle: Rounded Corners 73">
            <a:extLst>
              <a:ext uri="{FF2B5EF4-FFF2-40B4-BE49-F238E27FC236}">
                <a16:creationId xmlns:a16="http://schemas.microsoft.com/office/drawing/2014/main" id="{695EDF6C-C14E-8B0C-0E5F-3FA4F3185084}"/>
              </a:ext>
            </a:extLst>
          </p:cNvPr>
          <p:cNvSpPr/>
          <p:nvPr/>
        </p:nvSpPr>
        <p:spPr>
          <a:xfrm>
            <a:off x="8607635" y="4255312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erialize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utable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5" name="Rectangle 74">
            <a:extLst>
              <a:ext uri="{FF2B5EF4-FFF2-40B4-BE49-F238E27FC236}">
                <a16:creationId xmlns:a16="http://schemas.microsoft.com/office/drawing/2014/main" id="{98043D4E-985A-E53C-4124-6A92AD778E30}"/>
              </a:ext>
            </a:extLst>
          </p:cNvPr>
          <p:cNvSpPr/>
          <p:nvPr/>
        </p:nvSpPr>
        <p:spPr>
          <a:xfrm>
            <a:off x="5031926" y="4270519"/>
            <a:ext cx="1207827" cy="702860"/>
          </a:xfrm>
          <a:prstGeom prst="rect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xit &amp;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einit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</a:t>
            </a:r>
          </a:p>
        </p:txBody>
      </p:sp>
      <p:sp>
        <p:nvSpPr>
          <p:cNvPr id="76" name="Rectangle: Rounded Corners 75">
            <a:extLst>
              <a:ext uri="{FF2B5EF4-FFF2-40B4-BE49-F238E27FC236}">
                <a16:creationId xmlns:a16="http://schemas.microsoft.com/office/drawing/2014/main" id="{B6910693-0B79-794A-18D5-7817829109A0}"/>
              </a:ext>
            </a:extLst>
          </p:cNvPr>
          <p:cNvSpPr/>
          <p:nvPr/>
        </p:nvSpPr>
        <p:spPr>
          <a:xfrm>
            <a:off x="6820634" y="4255312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erialize return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val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7" name="Rectangle: Rounded Corners 76">
            <a:extLst>
              <a:ext uri="{FF2B5EF4-FFF2-40B4-BE49-F238E27FC236}">
                <a16:creationId xmlns:a16="http://schemas.microsoft.com/office/drawing/2014/main" id="{E150BA1D-C028-2A24-8C3F-AE4AFBFF9286}"/>
              </a:ext>
            </a:extLst>
          </p:cNvPr>
          <p:cNvSpPr/>
          <p:nvPr/>
        </p:nvSpPr>
        <p:spPr>
          <a:xfrm>
            <a:off x="3238098" y="3047487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rror handler</a:t>
            </a:r>
          </a:p>
        </p:txBody>
      </p:sp>
      <p:sp>
        <p:nvSpPr>
          <p:cNvPr id="78" name="Rectangle: Rounded Corners 77">
            <a:extLst>
              <a:ext uri="{FF2B5EF4-FFF2-40B4-BE49-F238E27FC236}">
                <a16:creationId xmlns:a16="http://schemas.microsoft.com/office/drawing/2014/main" id="{CA414989-ECCD-0675-33A2-FBC82BF1CA6B}"/>
              </a:ext>
            </a:extLst>
          </p:cNvPr>
          <p:cNvSpPr/>
          <p:nvPr/>
        </p:nvSpPr>
        <p:spPr>
          <a:xfrm>
            <a:off x="3238098" y="4255312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Update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utable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9" name="Rectangle: Rounded Corners 78">
            <a:extLst>
              <a:ext uri="{FF2B5EF4-FFF2-40B4-BE49-F238E27FC236}">
                <a16:creationId xmlns:a16="http://schemas.microsoft.com/office/drawing/2014/main" id="{A1F3DD00-7C1B-CDE6-8AA1-DA835F7935DC}"/>
              </a:ext>
            </a:extLst>
          </p:cNvPr>
          <p:cNvSpPr/>
          <p:nvPr/>
        </p:nvSpPr>
        <p:spPr>
          <a:xfrm>
            <a:off x="1456212" y="4255312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rocess return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val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D0B12020-7F81-F785-6187-96BA74BC0DC9}"/>
              </a:ext>
            </a:extLst>
          </p:cNvPr>
          <p:cNvCxnSpPr>
            <a:cxnSpLocks/>
            <a:stCxn id="68" idx="3"/>
            <a:endCxn id="71" idx="1"/>
          </p:cNvCxnSpPr>
          <p:nvPr/>
        </p:nvCxnSpPr>
        <p:spPr>
          <a:xfrm>
            <a:off x="6239753" y="2198696"/>
            <a:ext cx="58088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1" name="Straight Arrow Connector 80">
            <a:extLst>
              <a:ext uri="{FF2B5EF4-FFF2-40B4-BE49-F238E27FC236}">
                <a16:creationId xmlns:a16="http://schemas.microsoft.com/office/drawing/2014/main" id="{E1C46C4D-4DA9-B7AE-575A-71AB564CB840}"/>
              </a:ext>
            </a:extLst>
          </p:cNvPr>
          <p:cNvCxnSpPr>
            <a:cxnSpLocks/>
            <a:stCxn id="71" idx="3"/>
            <a:endCxn id="72" idx="1"/>
          </p:cNvCxnSpPr>
          <p:nvPr/>
        </p:nvCxnSpPr>
        <p:spPr>
          <a:xfrm>
            <a:off x="8028461" y="2198696"/>
            <a:ext cx="579174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2" name="Straight Arrow Connector 81">
            <a:extLst>
              <a:ext uri="{FF2B5EF4-FFF2-40B4-BE49-F238E27FC236}">
                <a16:creationId xmlns:a16="http://schemas.microsoft.com/office/drawing/2014/main" id="{6019C809-1864-4952-D455-25A9362B4AB3}"/>
              </a:ext>
            </a:extLst>
          </p:cNvPr>
          <p:cNvCxnSpPr>
            <a:cxnSpLocks/>
            <a:stCxn id="72" idx="2"/>
            <a:endCxn id="73" idx="0"/>
          </p:cNvCxnSpPr>
          <p:nvPr/>
        </p:nvCxnSpPr>
        <p:spPr>
          <a:xfrm>
            <a:off x="9211549" y="2565333"/>
            <a:ext cx="0" cy="381355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32173201-7D89-0FFC-721D-DD9B27AEEA5F}"/>
              </a:ext>
            </a:extLst>
          </p:cNvPr>
          <p:cNvCxnSpPr>
            <a:cxnSpLocks/>
            <a:stCxn id="73" idx="2"/>
            <a:endCxn id="74" idx="0"/>
          </p:cNvCxnSpPr>
          <p:nvPr/>
        </p:nvCxnSpPr>
        <p:spPr>
          <a:xfrm>
            <a:off x="9211549" y="3881560"/>
            <a:ext cx="0" cy="373752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D16122E0-EB95-6ADE-29A7-B4A21497BD1B}"/>
              </a:ext>
            </a:extLst>
          </p:cNvPr>
          <p:cNvCxnSpPr>
            <a:cxnSpLocks/>
            <a:stCxn id="73" idx="1"/>
            <a:endCxn id="70" idx="3"/>
          </p:cNvCxnSpPr>
          <p:nvPr/>
        </p:nvCxnSpPr>
        <p:spPr>
          <a:xfrm flipH="1">
            <a:off x="6239753" y="3414124"/>
            <a:ext cx="2227992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12749A42-354D-4BED-EE66-3CBBAA42C4E0}"/>
              </a:ext>
            </a:extLst>
          </p:cNvPr>
          <p:cNvCxnSpPr>
            <a:cxnSpLocks/>
            <a:stCxn id="70" idx="1"/>
            <a:endCxn id="77" idx="3"/>
          </p:cNvCxnSpPr>
          <p:nvPr/>
        </p:nvCxnSpPr>
        <p:spPr>
          <a:xfrm flipH="1">
            <a:off x="4445925" y="3414124"/>
            <a:ext cx="58600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8A8FFAE5-28ED-16CE-AA79-BF7D43F6E9B3}"/>
              </a:ext>
            </a:extLst>
          </p:cNvPr>
          <p:cNvCxnSpPr>
            <a:cxnSpLocks/>
            <a:stCxn id="75" idx="1"/>
            <a:endCxn id="78" idx="3"/>
          </p:cNvCxnSpPr>
          <p:nvPr/>
        </p:nvCxnSpPr>
        <p:spPr>
          <a:xfrm flipH="1">
            <a:off x="4445925" y="4621949"/>
            <a:ext cx="58600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7" name="Straight Arrow Connector 86">
            <a:extLst>
              <a:ext uri="{FF2B5EF4-FFF2-40B4-BE49-F238E27FC236}">
                <a16:creationId xmlns:a16="http://schemas.microsoft.com/office/drawing/2014/main" id="{0FC1B2F7-BAF1-6802-38FC-D1AC9A154237}"/>
              </a:ext>
            </a:extLst>
          </p:cNvPr>
          <p:cNvCxnSpPr>
            <a:cxnSpLocks/>
            <a:stCxn id="76" idx="1"/>
            <a:endCxn id="75" idx="3"/>
          </p:cNvCxnSpPr>
          <p:nvPr/>
        </p:nvCxnSpPr>
        <p:spPr>
          <a:xfrm flipH="1">
            <a:off x="6239753" y="4621949"/>
            <a:ext cx="58088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8" name="Straight Arrow Connector 87">
            <a:extLst>
              <a:ext uri="{FF2B5EF4-FFF2-40B4-BE49-F238E27FC236}">
                <a16:creationId xmlns:a16="http://schemas.microsoft.com/office/drawing/2014/main" id="{6033156F-7ABD-114D-4BDA-96A4832FFDFE}"/>
              </a:ext>
            </a:extLst>
          </p:cNvPr>
          <p:cNvCxnSpPr>
            <a:cxnSpLocks/>
            <a:stCxn id="74" idx="1"/>
            <a:endCxn id="76" idx="3"/>
          </p:cNvCxnSpPr>
          <p:nvPr/>
        </p:nvCxnSpPr>
        <p:spPr>
          <a:xfrm flipH="1">
            <a:off x="8028461" y="4621949"/>
            <a:ext cx="579174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9" name="Straight Arrow Connector 88">
            <a:extLst>
              <a:ext uri="{FF2B5EF4-FFF2-40B4-BE49-F238E27FC236}">
                <a16:creationId xmlns:a16="http://schemas.microsoft.com/office/drawing/2014/main" id="{BC0BB86C-E23A-76D5-8BD6-D8F01ECC09C2}"/>
              </a:ext>
            </a:extLst>
          </p:cNvPr>
          <p:cNvCxnSpPr>
            <a:cxnSpLocks/>
            <a:stCxn id="78" idx="1"/>
            <a:endCxn id="79" idx="3"/>
          </p:cNvCxnSpPr>
          <p:nvPr/>
        </p:nvCxnSpPr>
        <p:spPr>
          <a:xfrm flipH="1">
            <a:off x="2664039" y="4621949"/>
            <a:ext cx="574059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42C9246E-2A9A-CDAA-D8E5-F8D2734327D6}"/>
              </a:ext>
            </a:extLst>
          </p:cNvPr>
          <p:cNvCxnSpPr>
            <a:cxnSpLocks/>
            <a:stCxn id="79" idx="2"/>
          </p:cNvCxnSpPr>
          <p:nvPr/>
        </p:nvCxnSpPr>
        <p:spPr>
          <a:xfrm flipH="1">
            <a:off x="2060125" y="4988586"/>
            <a:ext cx="1" cy="965813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dash"/>
            <a:miter lim="800000"/>
            <a:tailEnd type="triangle"/>
          </a:ln>
          <a:effectLst/>
        </p:spPr>
      </p:cxnSp>
      <p:sp>
        <p:nvSpPr>
          <p:cNvPr id="91" name="TextBox 90">
            <a:extLst>
              <a:ext uri="{FF2B5EF4-FFF2-40B4-BE49-F238E27FC236}">
                <a16:creationId xmlns:a16="http://schemas.microsoft.com/office/drawing/2014/main" id="{5235CCA5-2D9F-D974-5532-9C608E2D82C2}"/>
              </a:ext>
            </a:extLst>
          </p:cNvPr>
          <p:cNvSpPr txBox="1"/>
          <p:nvPr/>
        </p:nvSpPr>
        <p:spPr>
          <a:xfrm>
            <a:off x="7178081" y="3065816"/>
            <a:ext cx="4912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yes</a:t>
            </a:r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62183E53-4B72-08F0-4181-46482C6CFCD1}"/>
              </a:ext>
            </a:extLst>
          </p:cNvPr>
          <p:cNvSpPr txBox="1"/>
          <p:nvPr/>
        </p:nvSpPr>
        <p:spPr>
          <a:xfrm>
            <a:off x="9188309" y="3836063"/>
            <a:ext cx="42832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o</a:t>
            </a:r>
          </a:p>
        </p:txBody>
      </p:sp>
      <p:sp>
        <p:nvSpPr>
          <p:cNvPr id="93" name="TextBox 92">
            <a:extLst>
              <a:ext uri="{FF2B5EF4-FFF2-40B4-BE49-F238E27FC236}">
                <a16:creationId xmlns:a16="http://schemas.microsoft.com/office/drawing/2014/main" id="{48DEA86A-88F4-422F-134D-AF192CC93A71}"/>
              </a:ext>
            </a:extLst>
          </p:cNvPr>
          <p:cNvSpPr txBox="1"/>
          <p:nvPr/>
        </p:nvSpPr>
        <p:spPr>
          <a:xfrm>
            <a:off x="7881242" y="5196895"/>
            <a:ext cx="130035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 rtl="0"/>
            <a:r>
              <a:rPr lang="en-US" kern="1200" dirty="0">
                <a:solidFill>
                  <a:prstClr val="black"/>
                </a:solidFill>
                <a:latin typeface="Lucida Console" panose="020B0609040504020204" pitchFamily="49" charset="0"/>
                <a:ea typeface="+mn-ea"/>
                <a:cs typeface="+mn-cs"/>
              </a:rPr>
              <a:t>__</a:t>
            </a:r>
            <a:r>
              <a:rPr lang="en-US" kern="1200" dirty="0" err="1">
                <a:solidFill>
                  <a:prstClr val="black"/>
                </a:solidFill>
                <a:latin typeface="Lucida Console" panose="020B0609040504020204" pitchFamily="49" charset="0"/>
                <a:ea typeface="+mn-ea"/>
                <a:cs typeface="+mn-cs"/>
              </a:rPr>
              <a:t>wrap_F</a:t>
            </a:r>
            <a:endParaRPr lang="en-US" kern="1200" dirty="0">
              <a:solidFill>
                <a:prstClr val="black"/>
              </a:solidFill>
              <a:latin typeface="Lucida Console" panose="020B0609040504020204" pitchFamily="49" charset="0"/>
              <a:ea typeface="+mn-ea"/>
              <a:cs typeface="+mn-cs"/>
            </a:endParaRPr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CEECE131-7B96-8FEE-851E-305356F9DEAE}"/>
              </a:ext>
            </a:extLst>
          </p:cNvPr>
          <p:cNvSpPr txBox="1"/>
          <p:nvPr/>
        </p:nvSpPr>
        <p:spPr>
          <a:xfrm>
            <a:off x="2044627" y="5887910"/>
            <a:ext cx="76251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esult</a:t>
            </a:r>
          </a:p>
        </p:txBody>
      </p:sp>
      <p:sp>
        <p:nvSpPr>
          <p:cNvPr id="95" name="TextBox 94">
            <a:extLst>
              <a:ext uri="{FF2B5EF4-FFF2-40B4-BE49-F238E27FC236}">
                <a16:creationId xmlns:a16="http://schemas.microsoft.com/office/drawing/2014/main" id="{B404ACF1-3082-7264-28F4-4700782137D1}"/>
              </a:ext>
            </a:extLst>
          </p:cNvPr>
          <p:cNvSpPr txBox="1"/>
          <p:nvPr/>
        </p:nvSpPr>
        <p:spPr>
          <a:xfrm>
            <a:off x="2574929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❶</a:t>
            </a:r>
          </a:p>
        </p:txBody>
      </p:sp>
      <p:sp>
        <p:nvSpPr>
          <p:cNvPr id="96" name="TextBox 95">
            <a:extLst>
              <a:ext uri="{FF2B5EF4-FFF2-40B4-BE49-F238E27FC236}">
                <a16:creationId xmlns:a16="http://schemas.microsoft.com/office/drawing/2014/main" id="{8635C5B3-6F9D-F2DA-0043-C27762F09E94}"/>
              </a:ext>
            </a:extLst>
          </p:cNvPr>
          <p:cNvSpPr txBox="1"/>
          <p:nvPr/>
        </p:nvSpPr>
        <p:spPr>
          <a:xfrm>
            <a:off x="4295592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❷</a:t>
            </a: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61B59E0A-9FDE-F67A-F2BF-D8E81DDF0A4B}"/>
              </a:ext>
            </a:extLst>
          </p:cNvPr>
          <p:cNvSpPr txBox="1"/>
          <p:nvPr/>
        </p:nvSpPr>
        <p:spPr>
          <a:xfrm>
            <a:off x="6145910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❸</a:t>
            </a:r>
          </a:p>
        </p:txBody>
      </p:sp>
      <p:sp>
        <p:nvSpPr>
          <p:cNvPr id="98" name="TextBox 97">
            <a:extLst>
              <a:ext uri="{FF2B5EF4-FFF2-40B4-BE49-F238E27FC236}">
                <a16:creationId xmlns:a16="http://schemas.microsoft.com/office/drawing/2014/main" id="{EDA3F678-CB00-6E44-BD31-F6791E0F38F6}"/>
              </a:ext>
            </a:extLst>
          </p:cNvPr>
          <p:cNvSpPr txBox="1"/>
          <p:nvPr/>
        </p:nvSpPr>
        <p:spPr>
          <a:xfrm>
            <a:off x="7900693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❹</a:t>
            </a:r>
          </a:p>
        </p:txBody>
      </p:sp>
      <p:sp>
        <p:nvSpPr>
          <p:cNvPr id="99" name="TextBox 98">
            <a:extLst>
              <a:ext uri="{FF2B5EF4-FFF2-40B4-BE49-F238E27FC236}">
                <a16:creationId xmlns:a16="http://schemas.microsoft.com/office/drawing/2014/main" id="{FA6B4750-2F35-EF13-3DBE-1E6931821064}"/>
              </a:ext>
            </a:extLst>
          </p:cNvPr>
          <p:cNvSpPr txBox="1"/>
          <p:nvPr/>
        </p:nvSpPr>
        <p:spPr>
          <a:xfrm>
            <a:off x="9689595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❺</a:t>
            </a:r>
          </a:p>
        </p:txBody>
      </p:sp>
      <p:sp>
        <p:nvSpPr>
          <p:cNvPr id="100" name="TextBox 99">
            <a:extLst>
              <a:ext uri="{FF2B5EF4-FFF2-40B4-BE49-F238E27FC236}">
                <a16:creationId xmlns:a16="http://schemas.microsoft.com/office/drawing/2014/main" id="{E7EB02BB-0B27-84BC-8303-441823F5A59B}"/>
              </a:ext>
            </a:extLst>
          </p:cNvPr>
          <p:cNvSpPr txBox="1"/>
          <p:nvPr/>
        </p:nvSpPr>
        <p:spPr>
          <a:xfrm>
            <a:off x="9688761" y="3693274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❻</a:t>
            </a:r>
          </a:p>
        </p:txBody>
      </p:sp>
      <p:sp>
        <p:nvSpPr>
          <p:cNvPr id="101" name="TextBox 100">
            <a:extLst>
              <a:ext uri="{FF2B5EF4-FFF2-40B4-BE49-F238E27FC236}">
                <a16:creationId xmlns:a16="http://schemas.microsoft.com/office/drawing/2014/main" id="{E77B0298-5280-FB52-F70E-71F811E3C227}"/>
              </a:ext>
            </a:extLst>
          </p:cNvPr>
          <p:cNvSpPr txBox="1"/>
          <p:nvPr/>
        </p:nvSpPr>
        <p:spPr>
          <a:xfrm>
            <a:off x="6170776" y="3693274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❼</a:t>
            </a:r>
          </a:p>
        </p:txBody>
      </p:sp>
      <p:sp>
        <p:nvSpPr>
          <p:cNvPr id="102" name="TextBox 101">
            <a:extLst>
              <a:ext uri="{FF2B5EF4-FFF2-40B4-BE49-F238E27FC236}">
                <a16:creationId xmlns:a16="http://schemas.microsoft.com/office/drawing/2014/main" id="{8AFB8781-5A01-805D-A34E-AC2B229D3A41}"/>
              </a:ext>
            </a:extLst>
          </p:cNvPr>
          <p:cNvSpPr txBox="1"/>
          <p:nvPr/>
        </p:nvSpPr>
        <p:spPr>
          <a:xfrm>
            <a:off x="4324504" y="3693274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❽</a:t>
            </a:r>
          </a:p>
        </p:txBody>
      </p:sp>
      <p:sp>
        <p:nvSpPr>
          <p:cNvPr id="103" name="TextBox 102">
            <a:extLst>
              <a:ext uri="{FF2B5EF4-FFF2-40B4-BE49-F238E27FC236}">
                <a16:creationId xmlns:a16="http://schemas.microsoft.com/office/drawing/2014/main" id="{C914785B-62AB-63F0-C747-700A4E5DA24B}"/>
              </a:ext>
            </a:extLst>
          </p:cNvPr>
          <p:cNvSpPr txBox="1"/>
          <p:nvPr/>
        </p:nvSpPr>
        <p:spPr>
          <a:xfrm>
            <a:off x="6166227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⓫</a:t>
            </a:r>
          </a:p>
        </p:txBody>
      </p:sp>
      <p:sp>
        <p:nvSpPr>
          <p:cNvPr id="104" name="TextBox 103">
            <a:extLst>
              <a:ext uri="{FF2B5EF4-FFF2-40B4-BE49-F238E27FC236}">
                <a16:creationId xmlns:a16="http://schemas.microsoft.com/office/drawing/2014/main" id="{B39DA6D9-518E-97FF-F77A-C74F6E0F2D7B}"/>
              </a:ext>
            </a:extLst>
          </p:cNvPr>
          <p:cNvSpPr txBox="1"/>
          <p:nvPr/>
        </p:nvSpPr>
        <p:spPr>
          <a:xfrm>
            <a:off x="4324469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⓬</a:t>
            </a:r>
          </a:p>
        </p:txBody>
      </p:sp>
      <p:sp>
        <p:nvSpPr>
          <p:cNvPr id="105" name="TextBox 104">
            <a:extLst>
              <a:ext uri="{FF2B5EF4-FFF2-40B4-BE49-F238E27FC236}">
                <a16:creationId xmlns:a16="http://schemas.microsoft.com/office/drawing/2014/main" id="{E676F6CF-3CE0-FBD3-BC8D-5DAE0987D8BC}"/>
              </a:ext>
            </a:extLst>
          </p:cNvPr>
          <p:cNvSpPr txBox="1"/>
          <p:nvPr/>
        </p:nvSpPr>
        <p:spPr>
          <a:xfrm>
            <a:off x="2538295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⓭</a:t>
            </a:r>
          </a:p>
        </p:txBody>
      </p:sp>
      <p:sp>
        <p:nvSpPr>
          <p:cNvPr id="106" name="TextBox 105">
            <a:extLst>
              <a:ext uri="{FF2B5EF4-FFF2-40B4-BE49-F238E27FC236}">
                <a16:creationId xmlns:a16="http://schemas.microsoft.com/office/drawing/2014/main" id="{0858DD8D-B433-3DED-7513-A8D45FB4A0C0}"/>
              </a:ext>
            </a:extLst>
          </p:cNvPr>
          <p:cNvSpPr txBox="1"/>
          <p:nvPr/>
        </p:nvSpPr>
        <p:spPr>
          <a:xfrm>
            <a:off x="9688761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❾</a:t>
            </a:r>
          </a:p>
        </p:txBody>
      </p:sp>
      <p:sp>
        <p:nvSpPr>
          <p:cNvPr id="107" name="TextBox 106">
            <a:extLst>
              <a:ext uri="{FF2B5EF4-FFF2-40B4-BE49-F238E27FC236}">
                <a16:creationId xmlns:a16="http://schemas.microsoft.com/office/drawing/2014/main" id="{B9D2A42F-1EAE-7E0D-919D-67EBE9117282}"/>
              </a:ext>
            </a:extLst>
          </p:cNvPr>
          <p:cNvSpPr txBox="1"/>
          <p:nvPr/>
        </p:nvSpPr>
        <p:spPr>
          <a:xfrm>
            <a:off x="7910323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❿</a:t>
            </a:r>
          </a:p>
        </p:txBody>
      </p:sp>
      <p:sp>
        <p:nvSpPr>
          <p:cNvPr id="108" name="TextBox 107">
            <a:extLst>
              <a:ext uri="{FF2B5EF4-FFF2-40B4-BE49-F238E27FC236}">
                <a16:creationId xmlns:a16="http://schemas.microsoft.com/office/drawing/2014/main" id="{BE21BD1C-837A-D927-5CC5-A00B10DC839D}"/>
              </a:ext>
            </a:extLst>
          </p:cNvPr>
          <p:cNvSpPr txBox="1"/>
          <p:nvPr/>
        </p:nvSpPr>
        <p:spPr>
          <a:xfrm>
            <a:off x="2951068" y="1199768"/>
            <a:ext cx="161730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Parent domain </a:t>
            </a:r>
          </a:p>
        </p:txBody>
      </p:sp>
      <p:sp>
        <p:nvSpPr>
          <p:cNvPr id="109" name="Rectangle 108">
            <a:extLst>
              <a:ext uri="{FF2B5EF4-FFF2-40B4-BE49-F238E27FC236}">
                <a16:creationId xmlns:a16="http://schemas.microsoft.com/office/drawing/2014/main" id="{F5426357-814F-0A7B-ADAB-048C1987BC21}"/>
              </a:ext>
            </a:extLst>
          </p:cNvPr>
          <p:cNvSpPr/>
          <p:nvPr/>
        </p:nvSpPr>
        <p:spPr>
          <a:xfrm>
            <a:off x="6623403" y="1717611"/>
            <a:ext cx="3673431" cy="3523642"/>
          </a:xfrm>
          <a:prstGeom prst="rect">
            <a:avLst/>
          </a:prstGeom>
          <a:noFill/>
          <a:ln w="19050" cap="flat" cmpd="sng" algn="ctr">
            <a:solidFill>
              <a:sysClr val="windowText" lastClr="000000"/>
            </a:solidFill>
            <a:prstDash val="sysDot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30059206-4AC6-31B5-8BF3-C8D1A8CEF94E}"/>
              </a:ext>
            </a:extLst>
          </p:cNvPr>
          <p:cNvSpPr txBox="1"/>
          <p:nvPr/>
        </p:nvSpPr>
        <p:spPr>
          <a:xfrm>
            <a:off x="3533871" y="5885790"/>
            <a:ext cx="134780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Error / Panic</a:t>
            </a:r>
          </a:p>
        </p:txBody>
      </p:sp>
      <p:sp>
        <p:nvSpPr>
          <p:cNvPr id="111" name="TextBox 110">
            <a:extLst>
              <a:ext uri="{FF2B5EF4-FFF2-40B4-BE49-F238E27FC236}">
                <a16:creationId xmlns:a16="http://schemas.microsoft.com/office/drawing/2014/main" id="{BE129D1B-057E-56F7-EE7B-5B89380BCA96}"/>
              </a:ext>
            </a:extLst>
          </p:cNvPr>
          <p:cNvSpPr txBox="1"/>
          <p:nvPr/>
        </p:nvSpPr>
        <p:spPr>
          <a:xfrm>
            <a:off x="1570895" y="2946688"/>
            <a:ext cx="1490034" cy="923330"/>
          </a:xfrm>
          <a:prstGeom prst="rect">
            <a:avLst/>
          </a:prstGeom>
          <a:solidFill>
            <a:sysClr val="window" lastClr="FFFFFF"/>
          </a:solidFill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: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utable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onstants</a:t>
            </a:r>
          </a:p>
        </p:txBody>
      </p:sp>
    </p:spTree>
    <p:extLst>
      <p:ext uri="{BB962C8B-B14F-4D97-AF65-F5344CB8AC3E}">
        <p14:creationId xmlns:p14="http://schemas.microsoft.com/office/powerpoint/2010/main" val="144270882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6" name="Picture 95">
            <a:extLst>
              <a:ext uri="{FF2B5EF4-FFF2-40B4-BE49-F238E27FC236}">
                <a16:creationId xmlns:a16="http://schemas.microsoft.com/office/drawing/2014/main" id="{625D73BF-1D63-0F79-EA03-62FC7875CE9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56918" y="1695123"/>
            <a:ext cx="3759813" cy="140017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585734A3-2D83-4583-BB70-FB7D479231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5673" y="392706"/>
            <a:ext cx="1052195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-FFI High Level Idea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003DACE-1F82-511E-DC22-88357266FA93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13845" r="176" b="16550"/>
          <a:stretch/>
        </p:blipFill>
        <p:spPr>
          <a:xfrm>
            <a:off x="275673" y="1881165"/>
            <a:ext cx="3753231" cy="974588"/>
          </a:xfrm>
          <a:prstGeom prst="rect">
            <a:avLst/>
          </a:prstGeom>
        </p:spPr>
      </p:pic>
      <p:sp>
        <p:nvSpPr>
          <p:cNvPr id="61" name="TextBox 60">
            <a:extLst>
              <a:ext uri="{FF2B5EF4-FFF2-40B4-BE49-F238E27FC236}">
                <a16:creationId xmlns:a16="http://schemas.microsoft.com/office/drawing/2014/main" id="{15941AD8-E53D-E11C-9279-329699C2A0C7}"/>
              </a:ext>
            </a:extLst>
          </p:cNvPr>
          <p:cNvSpPr txBox="1"/>
          <p:nvPr/>
        </p:nvSpPr>
        <p:spPr>
          <a:xfrm>
            <a:off x="5035296" y="2238295"/>
            <a:ext cx="6473952" cy="373578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26CDA89-55C9-ED3A-5C17-9CAEA6F05237}"/>
              </a:ext>
            </a:extLst>
          </p:cNvPr>
          <p:cNvSpPr txBox="1"/>
          <p:nvPr/>
        </p:nvSpPr>
        <p:spPr>
          <a:xfrm>
            <a:off x="4123990" y="1665468"/>
            <a:ext cx="4622449" cy="375219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br>
              <a:rPr lang="en-US" sz="2000" dirty="0"/>
            </a:b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FD89B22-1EC8-5D7A-6661-669A7CFC3678}"/>
              </a:ext>
            </a:extLst>
          </p:cNvPr>
          <p:cNvSpPr/>
          <p:nvPr/>
        </p:nvSpPr>
        <p:spPr>
          <a:xfrm>
            <a:off x="7834627" y="1689090"/>
            <a:ext cx="3697712" cy="388063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ED9F2D2-B91E-FA4D-A8E5-77DDCD2C146F}"/>
              </a:ext>
            </a:extLst>
          </p:cNvPr>
          <p:cNvSpPr/>
          <p:nvPr/>
        </p:nvSpPr>
        <p:spPr>
          <a:xfrm>
            <a:off x="4471467" y="1738620"/>
            <a:ext cx="3039442" cy="3880630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8E9B4F1-40C1-ADBA-C5D0-CFC1D794A5BD}"/>
              </a:ext>
            </a:extLst>
          </p:cNvPr>
          <p:cNvSpPr/>
          <p:nvPr/>
        </p:nvSpPr>
        <p:spPr>
          <a:xfrm>
            <a:off x="10040447" y="2219244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voke F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43D3F5A-827D-732C-E5A5-EFC7816343FC}"/>
              </a:ext>
            </a:extLst>
          </p:cNvPr>
          <p:cNvSpPr/>
          <p:nvPr/>
        </p:nvSpPr>
        <p:spPr>
          <a:xfrm>
            <a:off x="7074569" y="2219244"/>
            <a:ext cx="1174446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nt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" name="Diamond 12">
            <a:extLst>
              <a:ext uri="{FF2B5EF4-FFF2-40B4-BE49-F238E27FC236}">
                <a16:creationId xmlns:a16="http://schemas.microsoft.com/office/drawing/2014/main" id="{05BC7A4D-FC1B-B55F-FEAA-D7B0E5513320}"/>
              </a:ext>
            </a:extLst>
          </p:cNvPr>
          <p:cNvSpPr/>
          <p:nvPr/>
        </p:nvSpPr>
        <p:spPr>
          <a:xfrm>
            <a:off x="9956280" y="3322170"/>
            <a:ext cx="1288797" cy="904593"/>
          </a:xfrm>
          <a:prstGeom prst="diamond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wrap="none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ult?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585670C-9160-0E6B-CB3F-6BB17FF84F9A}"/>
              </a:ext>
            </a:extLst>
          </p:cNvPr>
          <p:cNvSpPr/>
          <p:nvPr/>
        </p:nvSpPr>
        <p:spPr>
          <a:xfrm>
            <a:off x="7048079" y="4809058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69F7E9B-7B72-1121-776F-CE63EED5CFDA}"/>
              </a:ext>
            </a:extLst>
          </p:cNvPr>
          <p:cNvSpPr/>
          <p:nvPr/>
        </p:nvSpPr>
        <p:spPr>
          <a:xfrm>
            <a:off x="7048076" y="3502929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14AF02B-ED57-9023-E80B-9471C7B8490C}"/>
              </a:ext>
            </a:extLst>
          </p:cNvPr>
          <p:cNvSpPr/>
          <p:nvPr/>
        </p:nvSpPr>
        <p:spPr>
          <a:xfrm>
            <a:off x="8926775" y="4791778"/>
            <a:ext cx="2318302" cy="59242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dirty="0">
                <a:solidFill>
                  <a:prstClr val="black"/>
                </a:solidFill>
                <a:latin typeface="Calibri" panose="020F0502020204030204"/>
              </a:rPr>
              <a:t>Push mutable </a:t>
            </a:r>
            <a:r>
              <a:rPr lang="en-US" kern="1200" dirty="0" err="1">
                <a:solidFill>
                  <a:prstClr val="black"/>
                </a:solidFill>
                <a:latin typeface="Calibri" panose="020F0502020204030204"/>
              </a:rPr>
              <a:t>args</a:t>
            </a:r>
            <a:r>
              <a:rPr lang="en-US" kern="1200" dirty="0">
                <a:solidFill>
                  <a:prstClr val="black"/>
                </a:solidFill>
                <a:latin typeface="Calibri" panose="020F0502020204030204"/>
              </a:rPr>
              <a:t> and return value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BA1293B-6A48-E033-FB4F-C1619BD21427}"/>
              </a:ext>
            </a:extLst>
          </p:cNvPr>
          <p:cNvCxnSpPr>
            <a:cxnSpLocks/>
            <a:stCxn id="29" idx="3"/>
            <a:endCxn id="34" idx="1"/>
          </p:cNvCxnSpPr>
          <p:nvPr/>
        </p:nvCxnSpPr>
        <p:spPr>
          <a:xfrm>
            <a:off x="5881846" y="2499254"/>
            <a:ext cx="259986" cy="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A8C8B23-F518-B20B-4E46-313D7C06A9EB}"/>
              </a:ext>
            </a:extLst>
          </p:cNvPr>
          <p:cNvCxnSpPr>
            <a:cxnSpLocks/>
            <a:stCxn id="13" idx="2"/>
          </p:cNvCxnSpPr>
          <p:nvPr/>
        </p:nvCxnSpPr>
        <p:spPr>
          <a:xfrm>
            <a:off x="10600679" y="4226763"/>
            <a:ext cx="0" cy="582295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AABAF91-DEFB-F1BC-939B-FA4679E60323}"/>
              </a:ext>
            </a:extLst>
          </p:cNvPr>
          <p:cNvCxnSpPr>
            <a:cxnSpLocks/>
            <a:stCxn id="16" idx="1"/>
            <a:endCxn id="14" idx="3"/>
          </p:cNvCxnSpPr>
          <p:nvPr/>
        </p:nvCxnSpPr>
        <p:spPr>
          <a:xfrm flipH="1">
            <a:off x="8168541" y="5087992"/>
            <a:ext cx="758234" cy="1728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C9174F77-14BB-8D64-FDD0-1B9DD2AD872C}"/>
              </a:ext>
            </a:extLst>
          </p:cNvPr>
          <p:cNvCxnSpPr>
            <a:cxnSpLocks/>
            <a:stCxn id="11" idx="2"/>
            <a:endCxn id="13" idx="0"/>
          </p:cNvCxnSpPr>
          <p:nvPr/>
        </p:nvCxnSpPr>
        <p:spPr>
          <a:xfrm>
            <a:off x="10600678" y="2811672"/>
            <a:ext cx="1" cy="51049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B8F6B69-CCA9-FDA5-7092-8918E78E6F7D}"/>
              </a:ext>
            </a:extLst>
          </p:cNvPr>
          <p:cNvCxnSpPr>
            <a:cxnSpLocks/>
            <a:stCxn id="13" idx="1"/>
            <a:endCxn id="15" idx="3"/>
          </p:cNvCxnSpPr>
          <p:nvPr/>
        </p:nvCxnSpPr>
        <p:spPr>
          <a:xfrm flipH="1">
            <a:off x="8168538" y="3774467"/>
            <a:ext cx="1787742" cy="246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7A77AFDC-3434-1FC6-B088-FA62BF692475}"/>
              </a:ext>
            </a:extLst>
          </p:cNvPr>
          <p:cNvCxnSpPr>
            <a:cxnSpLocks/>
          </p:cNvCxnSpPr>
          <p:nvPr/>
        </p:nvCxnSpPr>
        <p:spPr>
          <a:xfrm>
            <a:off x="5415211" y="1458561"/>
            <a:ext cx="0" cy="64231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612053A5-6009-2EFA-C3D4-767C163B2B2B}"/>
              </a:ext>
            </a:extLst>
          </p:cNvPr>
          <p:cNvSpPr txBox="1"/>
          <p:nvPr/>
        </p:nvSpPr>
        <p:spPr>
          <a:xfrm>
            <a:off x="10150087" y="4265561"/>
            <a:ext cx="42832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o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20E916B-264E-F1C1-D736-97BCE57DD6B2}"/>
              </a:ext>
            </a:extLst>
          </p:cNvPr>
          <p:cNvSpPr txBox="1"/>
          <p:nvPr/>
        </p:nvSpPr>
        <p:spPr>
          <a:xfrm>
            <a:off x="9072302" y="3405134"/>
            <a:ext cx="4912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ye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32DBB8C2-3925-4E97-BB64-3321EC4144B3}"/>
              </a:ext>
            </a:extLst>
          </p:cNvPr>
          <p:cNvSpPr txBox="1"/>
          <p:nvPr/>
        </p:nvSpPr>
        <p:spPr>
          <a:xfrm>
            <a:off x="5881846" y="1665445"/>
            <a:ext cx="158524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Parent Domain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EA93954E-C08D-F3EF-4FF5-A61B83EAB803}"/>
              </a:ext>
            </a:extLst>
          </p:cNvPr>
          <p:cNvSpPr txBox="1"/>
          <p:nvPr/>
        </p:nvSpPr>
        <p:spPr>
          <a:xfrm>
            <a:off x="8439260" y="1673297"/>
            <a:ext cx="1635128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ew Domain D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D05A629-101E-05EB-2686-68417CEB5228}"/>
              </a:ext>
            </a:extLst>
          </p:cNvPr>
          <p:cNvSpPr/>
          <p:nvPr/>
        </p:nvSpPr>
        <p:spPr>
          <a:xfrm>
            <a:off x="5012205" y="2080020"/>
            <a:ext cx="869641" cy="838467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i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949715E-85C0-BE7A-CAA1-E92235AE07AF}"/>
              </a:ext>
            </a:extLst>
          </p:cNvPr>
          <p:cNvSpPr/>
          <p:nvPr/>
        </p:nvSpPr>
        <p:spPr>
          <a:xfrm>
            <a:off x="4736765" y="3465526"/>
            <a:ext cx="1863828" cy="639041"/>
          </a:xfrm>
          <a:prstGeom prst="rect">
            <a:avLst/>
          </a:prstGeom>
          <a:ln/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 anchor="ctr"/>
          <a:lstStyle/>
          <a:p>
            <a:pPr lvl="1" algn="ctr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+mn-lt"/>
              </a:rPr>
              <a:t>Rewind &amp; Discard</a:t>
            </a: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ACF6517-DA09-D042-FBCC-8F6744F1782F}"/>
              </a:ext>
            </a:extLst>
          </p:cNvPr>
          <p:cNvCxnSpPr>
            <a:cxnSpLocks/>
            <a:endCxn id="30" idx="3"/>
          </p:cNvCxnSpPr>
          <p:nvPr/>
        </p:nvCxnSpPr>
        <p:spPr bwMode="auto">
          <a:xfrm flipH="1">
            <a:off x="6600593" y="3785047"/>
            <a:ext cx="460035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2" name="Rectangle 31">
            <a:extLst>
              <a:ext uri="{FF2B5EF4-FFF2-40B4-BE49-F238E27FC236}">
                <a16:creationId xmlns:a16="http://schemas.microsoft.com/office/drawing/2014/main" id="{8AC09999-0B62-838E-10F1-94D54FC98881}"/>
              </a:ext>
            </a:extLst>
          </p:cNvPr>
          <p:cNvSpPr/>
          <p:nvPr/>
        </p:nvSpPr>
        <p:spPr>
          <a:xfrm>
            <a:off x="4610308" y="4809058"/>
            <a:ext cx="1034124" cy="575148"/>
          </a:xfrm>
          <a:prstGeom prst="rect">
            <a:avLst/>
          </a:prstGeom>
          <a:ln/>
        </p:spPr>
        <p:style>
          <a:lnRef idx="1">
            <a:schemeClr val="accent2"/>
          </a:lnRef>
          <a:fillRef idx="2">
            <a:schemeClr val="accent2"/>
          </a:fillRef>
          <a:effectRef idx="1">
            <a:schemeClr val="accent2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eturn to Caller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C325B4A-89A4-CC07-1848-090671D16BCC}"/>
              </a:ext>
            </a:extLst>
          </p:cNvPr>
          <p:cNvCxnSpPr>
            <a:cxnSpLocks/>
          </p:cNvCxnSpPr>
          <p:nvPr/>
        </p:nvCxnSpPr>
        <p:spPr bwMode="auto">
          <a:xfrm flipH="1">
            <a:off x="6600593" y="5087992"/>
            <a:ext cx="460037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4" name="Rectangle 33">
            <a:extLst>
              <a:ext uri="{FF2B5EF4-FFF2-40B4-BE49-F238E27FC236}">
                <a16:creationId xmlns:a16="http://schemas.microsoft.com/office/drawing/2014/main" id="{D856ED8E-1D71-BB24-3AA3-F7BA82D6DB96}"/>
              </a:ext>
            </a:extLst>
          </p:cNvPr>
          <p:cNvSpPr/>
          <p:nvPr/>
        </p:nvSpPr>
        <p:spPr>
          <a:xfrm>
            <a:off x="6141832" y="2080020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sh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A1A68EC2-42F5-D462-1D2F-12157C1A78DF}"/>
              </a:ext>
            </a:extLst>
          </p:cNvPr>
          <p:cNvCxnSpPr>
            <a:cxnSpLocks/>
            <a:stCxn id="34" idx="3"/>
          </p:cNvCxnSpPr>
          <p:nvPr/>
        </p:nvCxnSpPr>
        <p:spPr>
          <a:xfrm flipV="1">
            <a:off x="6823757" y="2498178"/>
            <a:ext cx="263366" cy="10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48" name="Rectangle 47">
            <a:extLst>
              <a:ext uri="{FF2B5EF4-FFF2-40B4-BE49-F238E27FC236}">
                <a16:creationId xmlns:a16="http://schemas.microsoft.com/office/drawing/2014/main" id="{4165CDEF-3B5D-0A0C-19F3-90B248C3236B}"/>
              </a:ext>
            </a:extLst>
          </p:cNvPr>
          <p:cNvSpPr/>
          <p:nvPr/>
        </p:nvSpPr>
        <p:spPr>
          <a:xfrm>
            <a:off x="8813420" y="2086236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8C6FC05B-418A-97AD-FB03-B5AD68ACA8E1}"/>
              </a:ext>
            </a:extLst>
          </p:cNvPr>
          <p:cNvCxnSpPr>
            <a:stCxn id="12" idx="3"/>
            <a:endCxn id="48" idx="1"/>
          </p:cNvCxnSpPr>
          <p:nvPr/>
        </p:nvCxnSpPr>
        <p:spPr bwMode="auto">
          <a:xfrm flipV="1">
            <a:off x="8249015" y="2505470"/>
            <a:ext cx="564405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6D185353-29C4-4882-759D-FDA4C51CBCC1}"/>
              </a:ext>
            </a:extLst>
          </p:cNvPr>
          <p:cNvCxnSpPr>
            <a:cxnSpLocks/>
            <a:stCxn id="48" idx="3"/>
            <a:endCxn id="11" idx="1"/>
          </p:cNvCxnSpPr>
          <p:nvPr/>
        </p:nvCxnSpPr>
        <p:spPr bwMode="auto">
          <a:xfrm>
            <a:off x="9495345" y="2505470"/>
            <a:ext cx="545102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02" name="TextBox 101">
            <a:extLst>
              <a:ext uri="{FF2B5EF4-FFF2-40B4-BE49-F238E27FC236}">
                <a16:creationId xmlns:a16="http://schemas.microsoft.com/office/drawing/2014/main" id="{6DD1F6FF-4029-2643-29A3-FE9FE43C284A}"/>
              </a:ext>
            </a:extLst>
          </p:cNvPr>
          <p:cNvSpPr txBox="1"/>
          <p:nvPr/>
        </p:nvSpPr>
        <p:spPr>
          <a:xfrm>
            <a:off x="4743955" y="1162347"/>
            <a:ext cx="618134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F(</a:t>
            </a: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)</a:t>
            </a:r>
          </a:p>
        </p:txBody>
      </p:sp>
      <p:sp>
        <p:nvSpPr>
          <p:cNvPr id="106" name="Rectangle 105">
            <a:extLst>
              <a:ext uri="{FF2B5EF4-FFF2-40B4-BE49-F238E27FC236}">
                <a16:creationId xmlns:a16="http://schemas.microsoft.com/office/drawing/2014/main" id="{0458C78C-70A4-DBD1-CDE9-D223A740970B}"/>
              </a:ext>
            </a:extLst>
          </p:cNvPr>
          <p:cNvSpPr/>
          <p:nvPr/>
        </p:nvSpPr>
        <p:spPr>
          <a:xfrm>
            <a:off x="5926520" y="4668758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  <a:br>
              <a:rPr lang="en-US" sz="1600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</a:br>
            <a:r>
              <a:rPr lang="en-US" sz="1600" kern="1200" noProof="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v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107" name="Straight Arrow Connector 106">
            <a:extLst>
              <a:ext uri="{FF2B5EF4-FFF2-40B4-BE49-F238E27FC236}">
                <a16:creationId xmlns:a16="http://schemas.microsoft.com/office/drawing/2014/main" id="{65662F45-98DA-B74E-B834-E806FA302004}"/>
              </a:ext>
            </a:extLst>
          </p:cNvPr>
          <p:cNvCxnSpPr>
            <a:cxnSpLocks/>
            <a:stCxn id="106" idx="1"/>
            <a:endCxn id="32" idx="3"/>
          </p:cNvCxnSpPr>
          <p:nvPr/>
        </p:nvCxnSpPr>
        <p:spPr bwMode="auto">
          <a:xfrm flipH="1">
            <a:off x="5644432" y="5087992"/>
            <a:ext cx="282088" cy="864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Rectangle 131">
            <a:extLst>
              <a:ext uri="{FF2B5EF4-FFF2-40B4-BE49-F238E27FC236}">
                <a16:creationId xmlns:a16="http://schemas.microsoft.com/office/drawing/2014/main" id="{3DBF5ABD-8793-0D5F-DD9E-F768B13B0061}"/>
              </a:ext>
            </a:extLst>
          </p:cNvPr>
          <p:cNvSpPr/>
          <p:nvPr/>
        </p:nvSpPr>
        <p:spPr>
          <a:xfrm>
            <a:off x="468449" y="4408359"/>
            <a:ext cx="394538" cy="383419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3" name="TextBox 132">
            <a:extLst>
              <a:ext uri="{FF2B5EF4-FFF2-40B4-BE49-F238E27FC236}">
                <a16:creationId xmlns:a16="http://schemas.microsoft.com/office/drawing/2014/main" id="{35537688-119B-718D-3973-A02B432E855F}"/>
              </a:ext>
            </a:extLst>
          </p:cNvPr>
          <p:cNvSpPr txBox="1"/>
          <p:nvPr/>
        </p:nvSpPr>
        <p:spPr>
          <a:xfrm>
            <a:off x="1038225" y="4450227"/>
            <a:ext cx="1679002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DRaD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PIs </a:t>
            </a:r>
          </a:p>
        </p:txBody>
      </p:sp>
      <p:sp>
        <p:nvSpPr>
          <p:cNvPr id="134" name="Rectangle 133">
            <a:extLst>
              <a:ext uri="{FF2B5EF4-FFF2-40B4-BE49-F238E27FC236}">
                <a16:creationId xmlns:a16="http://schemas.microsoft.com/office/drawing/2014/main" id="{E1D03005-AB91-1000-4FFD-E100E1BC2657}"/>
              </a:ext>
            </a:extLst>
          </p:cNvPr>
          <p:cNvSpPr/>
          <p:nvPr/>
        </p:nvSpPr>
        <p:spPr>
          <a:xfrm>
            <a:off x="468449" y="5034243"/>
            <a:ext cx="394538" cy="383419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76266646-DE7A-9B6B-9CD3-8DFEF7B5EA88}"/>
              </a:ext>
            </a:extLst>
          </p:cNvPr>
          <p:cNvSpPr txBox="1"/>
          <p:nvPr/>
        </p:nvSpPr>
        <p:spPr>
          <a:xfrm>
            <a:off x="1038224" y="5076111"/>
            <a:ext cx="2978507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2000" dirty="0">
                <a:latin typeface="+mn-lt"/>
              </a:rPr>
              <a:t>Track the Rust data types of the arguments</a:t>
            </a:r>
          </a:p>
        </p:txBody>
      </p:sp>
      <p:pic>
        <p:nvPicPr>
          <p:cNvPr id="137" name="Picture 136" descr="A black and white icon of a person using a computer&#10;&#10;Description automatically generated">
            <a:extLst>
              <a:ext uri="{FF2B5EF4-FFF2-40B4-BE49-F238E27FC236}">
                <a16:creationId xmlns:a16="http://schemas.microsoft.com/office/drawing/2014/main" id="{B1EB9D80-9C7D-1F38-5C2E-BB76161EA84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6191" y="1058033"/>
            <a:ext cx="701899" cy="701899"/>
          </a:xfrm>
          <a:prstGeom prst="rect">
            <a:avLst/>
          </a:prstGeom>
        </p:spPr>
      </p:pic>
      <p:sp>
        <p:nvSpPr>
          <p:cNvPr id="140" name="TextBox 139">
            <a:extLst>
              <a:ext uri="{FF2B5EF4-FFF2-40B4-BE49-F238E27FC236}">
                <a16:creationId xmlns:a16="http://schemas.microsoft.com/office/drawing/2014/main" id="{C88DBF66-68C7-7BC7-D203-D4A3D2A97C92}"/>
              </a:ext>
            </a:extLst>
          </p:cNvPr>
          <p:cNvSpPr txBox="1"/>
          <p:nvPr/>
        </p:nvSpPr>
        <p:spPr>
          <a:xfrm>
            <a:off x="1266701" y="1238250"/>
            <a:ext cx="3052242" cy="356777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asy-to-use</a:t>
            </a:r>
          </a:p>
        </p:txBody>
      </p:sp>
    </p:spTree>
    <p:extLst>
      <p:ext uri="{BB962C8B-B14F-4D97-AF65-F5344CB8AC3E}">
        <p14:creationId xmlns:p14="http://schemas.microsoft.com/office/powerpoint/2010/main" val="28922643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53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500" fill="hold"/>
                                        <p:tgtEl>
                                          <p:spTgt spid="96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96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9" dur="500"/>
                                        <p:tgtEl>
                                          <p:spTgt spid="9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6" fill="hold">
                      <p:stCondLst>
                        <p:cond delay="indefinite"/>
                      </p:stCondLst>
                      <p:childTnLst>
                        <p:par>
                          <p:cTn id="47" fill="hold">
                            <p:stCondLst>
                              <p:cond delay="0"/>
                            </p:stCondLst>
                            <p:childTnLst>
                              <p:par>
                                <p:cTn id="48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2" fill="hold">
                      <p:stCondLst>
                        <p:cond delay="indefinite"/>
                      </p:stCondLst>
                      <p:childTnLst>
                        <p:par>
                          <p:cTn id="53" fill="hold">
                            <p:stCondLst>
                              <p:cond delay="0"/>
                            </p:stCondLst>
                            <p:childTnLst>
                              <p:par>
                                <p:cTn id="54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6" fill="hold">
                      <p:stCondLst>
                        <p:cond delay="indefinite"/>
                      </p:stCondLst>
                      <p:childTnLst>
                        <p:par>
                          <p:cTn id="57" fill="hold">
                            <p:stCondLst>
                              <p:cond delay="0"/>
                            </p:stCondLst>
                            <p:childTnLst>
                              <p:par>
                                <p:cTn id="58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2" fill="hold">
                      <p:stCondLst>
                        <p:cond delay="indefinite"/>
                      </p:stCondLst>
                      <p:childTnLst>
                        <p:par>
                          <p:cTn id="73" fill="hold">
                            <p:stCondLst>
                              <p:cond delay="0"/>
                            </p:stCondLst>
                            <p:childTnLst>
                              <p:par>
                                <p:cTn id="7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0" fill="hold">
                      <p:stCondLst>
                        <p:cond delay="indefinite"/>
                      </p:stCondLst>
                      <p:childTnLst>
                        <p:par>
                          <p:cTn id="81" fill="hold">
                            <p:stCondLst>
                              <p:cond delay="0"/>
                            </p:stCondLst>
                            <p:childTnLst>
                              <p:par>
                                <p:cTn id="8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2" fill="hold">
                      <p:stCondLst>
                        <p:cond delay="indefinite"/>
                      </p:stCondLst>
                      <p:childTnLst>
                        <p:par>
                          <p:cTn id="93" fill="hold">
                            <p:stCondLst>
                              <p:cond delay="0"/>
                            </p:stCondLst>
                            <p:childTnLst>
                              <p:par>
                                <p:cTn id="9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6" dur="500"/>
                                        <p:tgtEl>
                                          <p:spTgt spid="1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9" fill="hold">
                      <p:stCondLst>
                        <p:cond delay="indefinite"/>
                      </p:stCondLst>
                      <p:childTnLst>
                        <p:par>
                          <p:cTn id="100" fill="hold">
                            <p:stCondLst>
                              <p:cond delay="0"/>
                            </p:stCondLst>
                            <p:childTnLst>
                              <p:par>
                                <p:cTn id="10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3" dur="500"/>
                                        <p:tgtEl>
                                          <p:spTgt spid="1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9" grpId="0" animBg="1"/>
      <p:bldP spid="11" grpId="0" animBg="1"/>
      <p:bldP spid="12" grpId="0" animBg="1"/>
      <p:bldP spid="13" grpId="0" animBg="1"/>
      <p:bldP spid="14" grpId="0" animBg="1"/>
      <p:bldP spid="15" grpId="0" animBg="1"/>
      <p:bldP spid="16" grpId="0" animBg="1"/>
      <p:bldP spid="25" grpId="0"/>
      <p:bldP spid="26" grpId="0"/>
      <p:bldP spid="27" grpId="0"/>
      <p:bldP spid="28" grpId="0"/>
      <p:bldP spid="29" grpId="0" animBg="1"/>
      <p:bldP spid="30" grpId="0" animBg="1"/>
      <p:bldP spid="32" grpId="0" animBg="1"/>
      <p:bldP spid="34" grpId="0" animBg="1"/>
      <p:bldP spid="48" grpId="0" animBg="1"/>
      <p:bldP spid="106" grpId="0" animBg="1"/>
      <p:bldP spid="132" grpId="0" animBg="1"/>
      <p:bldP spid="133" grpId="0"/>
      <p:bldP spid="134" grpId="0" animBg="1"/>
      <p:bldP spid="135" grpId="0"/>
    </p:bldLst>
  </p:timing>
  <p:extLst>
    <p:ext uri="{6950BFC3-D8DA-4A85-94F7-54DA5524770B}">
      <p188:commentRel xmlns:p188="http://schemas.microsoft.com/office/powerpoint/2018/8/main" r:id="rId3"/>
    </p:ext>
  </p:extLs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987" y="451369"/>
            <a:ext cx="10521950" cy="1081088"/>
          </a:xfrm>
        </p:spPr>
        <p:txBody>
          <a:bodyPr/>
          <a:lstStyle/>
          <a:p>
            <a:r>
              <a:rPr lang="en-US" dirty="0"/>
              <a:t>Memory Safe Language: Rust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6"/>
            <a:ext cx="11210348" cy="3745633"/>
          </a:xfrm>
        </p:spPr>
        <p:txBody>
          <a:bodyPr/>
          <a:lstStyle/>
          <a:p>
            <a:pPr marL="0" indent="0">
              <a:buNone/>
            </a:pP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Rust has </a:t>
            </a:r>
            <a:r>
              <a:rPr lang="en-US" b="1" dirty="0">
                <a:solidFill>
                  <a:srgbClr val="7030A0"/>
                </a:solidFill>
                <a:latin typeface="Ericsson Hilda" panose="00000500000000000000" pitchFamily="2" charset="0"/>
              </a:rPr>
              <a:t>memory safety guarantees </a:t>
            </a: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and </a:t>
            </a:r>
            <a:r>
              <a:rPr lang="en-US" b="1" spc="10" dirty="0">
                <a:solidFill>
                  <a:srgbClr val="7030A0"/>
                </a:solidFill>
                <a:ea typeface="Times New Roman" panose="02020603050405020304" pitchFamily="18" charset="0"/>
                <a:cs typeface="Times New Roman" panose="02020603050405020304" pitchFamily="18" charset="0"/>
              </a:rPr>
              <a:t>performance characteristics </a:t>
            </a: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close to traditional system programming languages such as C and C++</a:t>
            </a:r>
          </a:p>
          <a:p>
            <a:pPr marL="0" indent="0">
              <a:buNone/>
            </a:pPr>
            <a:endParaRPr lang="en-US" sz="2000" dirty="0">
              <a:cs typeface="MS PGothic" pitchFamily="34" charset="-128"/>
            </a:endParaRPr>
          </a:p>
          <a:p>
            <a:pPr marL="0" indent="0">
              <a:buNone/>
            </a:pPr>
            <a:endParaRPr lang="en-US" sz="2000" dirty="0">
              <a:cs typeface="MS PGothic" pitchFamily="34" charset="-128"/>
            </a:endParaRPr>
          </a:p>
          <a:p>
            <a:pPr marL="0" indent="0">
              <a:buNone/>
            </a:pPr>
            <a:endParaRPr lang="en-US" sz="2000" dirty="0">
              <a:cs typeface="MS PGothic" pitchFamily="34" charset="-128"/>
            </a:endParaRPr>
          </a:p>
          <a:p>
            <a:pPr marL="0" indent="0">
              <a:buNone/>
            </a:pPr>
            <a:r>
              <a:rPr lang="en-US" sz="2000" dirty="0">
                <a:cs typeface="MS PGothic" pitchFamily="34" charset="-128"/>
              </a:rPr>
              <a:t>Rust is designed to make programs difficult to exploit by attackers</a:t>
            </a:r>
          </a:p>
          <a:p>
            <a:r>
              <a:rPr lang="en-US" sz="2000" dirty="0">
                <a:cs typeface="MS PGothic" pitchFamily="34" charset="-128"/>
              </a:rPr>
              <a:t>providing compile-time type-checking</a:t>
            </a:r>
          </a:p>
          <a:p>
            <a:r>
              <a:rPr lang="en-US" sz="2000" dirty="0">
                <a:cs typeface="MS PGothic" pitchFamily="34" charset="-128"/>
              </a:rPr>
              <a:t>memory management based on ownership rules</a:t>
            </a:r>
          </a:p>
          <a:p>
            <a:pPr marL="0" indent="0">
              <a:buNone/>
            </a:pPr>
            <a:endParaRPr lang="en-US" dirty="0">
              <a:cs typeface="MS PGothic" pitchFamily="34" charset="-128"/>
            </a:endParaRPr>
          </a:p>
          <a:p>
            <a:pPr marL="0" indent="0">
              <a:buNone/>
            </a:pPr>
            <a:endParaRPr lang="en-US" dirty="0">
              <a:cs typeface="MS PGothic" pitchFamily="34" charset="-128"/>
            </a:endParaRPr>
          </a:p>
          <a:p>
            <a:pPr marL="0" indent="0">
              <a:buNone/>
            </a:pPr>
            <a:endParaRPr lang="en-US" sz="2000" dirty="0">
              <a:cs typeface="MS PGothic" pitchFamily="34" charset="-128"/>
            </a:endParaRPr>
          </a:p>
          <a:p>
            <a:pPr marL="0" indent="0">
              <a:buNone/>
            </a:pPr>
            <a:endParaRPr lang="en-US" sz="2000" dirty="0">
              <a:cs typeface="MS PGothic" pitchFamily="34" charset="-128"/>
            </a:endParaRPr>
          </a:p>
          <a:p>
            <a:pPr marL="0" indent="0">
              <a:buNone/>
              <a:defRPr/>
            </a:pPr>
            <a:endParaRPr lang="en-US" dirty="0">
              <a:cs typeface="MS PGothic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6AFC71C-F7A5-47C7-AC2C-FD58718975AF}"/>
              </a:ext>
            </a:extLst>
          </p:cNvPr>
          <p:cNvSpPr txBox="1"/>
          <p:nvPr/>
        </p:nvSpPr>
        <p:spPr>
          <a:xfrm>
            <a:off x="1979719" y="3124940"/>
            <a:ext cx="1003180" cy="3040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6D1E66D-7E35-4037-A967-BD046D6E642F}"/>
              </a:ext>
            </a:extLst>
          </p:cNvPr>
          <p:cNvSpPr txBox="1"/>
          <p:nvPr/>
        </p:nvSpPr>
        <p:spPr>
          <a:xfrm>
            <a:off x="6843011" y="2526938"/>
            <a:ext cx="2360951" cy="94781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104418B-B405-4546-961F-441684FDDF4D}"/>
              </a:ext>
            </a:extLst>
          </p:cNvPr>
          <p:cNvSpPr txBox="1"/>
          <p:nvPr/>
        </p:nvSpPr>
        <p:spPr>
          <a:xfrm>
            <a:off x="8401987" y="322289"/>
            <a:ext cx="2599388" cy="1081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7302FF2-BC11-4E2F-A8A8-00912EC3652F}"/>
              </a:ext>
            </a:extLst>
          </p:cNvPr>
          <p:cNvSpPr txBox="1"/>
          <p:nvPr/>
        </p:nvSpPr>
        <p:spPr>
          <a:xfrm>
            <a:off x="8343304" y="1844676"/>
            <a:ext cx="2325951" cy="192105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" name="Content Placeholder 4">
            <a:extLst>
              <a:ext uri="{FF2B5EF4-FFF2-40B4-BE49-F238E27FC236}">
                <a16:creationId xmlns:a16="http://schemas.microsoft.com/office/drawing/2014/main" id="{80EDF406-7701-48DD-AAB0-B20D9721C7CC}"/>
              </a:ext>
            </a:extLst>
          </p:cNvPr>
          <p:cNvSpPr txBox="1">
            <a:spLocks/>
          </p:cNvSpPr>
          <p:nvPr/>
        </p:nvSpPr>
        <p:spPr>
          <a:xfrm>
            <a:off x="631825" y="1997076"/>
            <a:ext cx="7787650" cy="2754756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spc="1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n-US" sz="1800" spc="1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C7BAD736-A793-90E2-8508-D9AA87DF879C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 r="50996"/>
          <a:stretch/>
        </p:blipFill>
        <p:spPr>
          <a:xfrm>
            <a:off x="8278631" y="213310"/>
            <a:ext cx="1815350" cy="151883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98065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987" y="402601"/>
            <a:ext cx="10521950" cy="1081088"/>
          </a:xfrm>
        </p:spPr>
        <p:txBody>
          <a:bodyPr/>
          <a:lstStyle/>
          <a:p>
            <a:r>
              <a:rPr lang="en-US" dirty="0"/>
              <a:t>Rust hides </a:t>
            </a:r>
            <a:r>
              <a:rPr lang="en-US" b="1" dirty="0">
                <a:solidFill>
                  <a:srgbClr val="E2007C"/>
                </a:solidFill>
              </a:rPr>
              <a:t>Unsafe</a:t>
            </a:r>
            <a:r>
              <a:rPr lang="en-US" dirty="0"/>
              <a:t> </a:t>
            </a:r>
            <a:r>
              <a:rPr lang="en-US" b="1" dirty="0">
                <a:solidFill>
                  <a:srgbClr val="E2007C"/>
                </a:solidFill>
              </a:rPr>
              <a:t>Rust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987" y="1846749"/>
            <a:ext cx="8310445" cy="1376313"/>
          </a:xfrm>
        </p:spPr>
        <p:txBody>
          <a:bodyPr/>
          <a:lstStyle/>
          <a:p>
            <a:pPr marL="0" indent="0">
              <a:buNone/>
            </a:pP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Unsafe Rust </a:t>
            </a:r>
            <a:r>
              <a:rPr lang="en-US" dirty="0"/>
              <a:t>doesn’t enforce memory safety guarantees</a:t>
            </a:r>
            <a:endParaRPr lang="en-US" spc="10" dirty="0"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US" spc="10" dirty="0">
                <a:cs typeface="Times New Roman" panose="02020603050405020304" pitchFamily="18" charset="0"/>
              </a:rPr>
              <a:t>L</a:t>
            </a:r>
            <a:r>
              <a:rPr lang="en-US" dirty="0"/>
              <a:t>ow-level control over implementation details</a:t>
            </a:r>
          </a:p>
          <a:p>
            <a:r>
              <a:rPr lang="en-US" dirty="0"/>
              <a:t>Optimization 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What </a:t>
            </a:r>
            <a:r>
              <a:rPr lang="en-US" b="1" spc="10" dirty="0">
                <a:solidFill>
                  <a:srgbClr val="E2007C"/>
                </a:solidFill>
                <a:ea typeface="Times New Roman" panose="02020603050405020304" pitchFamily="18" charset="0"/>
                <a:cs typeface="Times New Roman" panose="02020603050405020304" pitchFamily="18" charset="0"/>
              </a:rPr>
              <a:t>Unsafe Rust </a:t>
            </a: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can do?</a:t>
            </a:r>
          </a:p>
          <a:p>
            <a:r>
              <a:rPr lang="en-US" dirty="0">
                <a:cs typeface="MS PGothic" pitchFamily="34" charset="-128"/>
              </a:rPr>
              <a:t>Dereference raw pointers</a:t>
            </a:r>
          </a:p>
          <a:p>
            <a:r>
              <a:rPr lang="en-US" dirty="0">
                <a:cs typeface="MS PGothic" pitchFamily="34" charset="-128"/>
              </a:rPr>
              <a:t>Call unsafe functions via Foreign Function Interfaces (FFIs)</a:t>
            </a:r>
          </a:p>
          <a:p>
            <a:r>
              <a:rPr lang="en-US" dirty="0">
                <a:cs typeface="MS PGothic" pitchFamily="34" charset="-128"/>
              </a:rPr>
              <a:t>Access or modify mutable static variables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More than 72% of packages on the official Rust package registry (crates.io) depend on at least one unsafe FFI-bindings (Li et al, 2022) </a:t>
            </a:r>
          </a:p>
          <a:p>
            <a:pPr marL="0" indent="0">
              <a:buNone/>
            </a:pPr>
            <a:endParaRPr lang="en-US" spc="10" dirty="0"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endParaRPr lang="en-US" sz="2000" dirty="0">
              <a:cs typeface="MS PGothic" pitchFamily="34" charset="-128"/>
            </a:endParaRPr>
          </a:p>
          <a:p>
            <a:pPr marL="0" indent="0">
              <a:buNone/>
            </a:pPr>
            <a:endParaRPr lang="en-US" sz="2000" dirty="0">
              <a:cs typeface="MS PGothic" pitchFamily="34" charset="-128"/>
            </a:endParaRPr>
          </a:p>
          <a:p>
            <a:pPr marL="0" indent="0">
              <a:buNone/>
              <a:defRPr/>
            </a:pPr>
            <a:endParaRPr lang="en-US" dirty="0">
              <a:cs typeface="MS PGothic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6AFC71C-F7A5-47C7-AC2C-FD58718975AF}"/>
              </a:ext>
            </a:extLst>
          </p:cNvPr>
          <p:cNvSpPr txBox="1"/>
          <p:nvPr/>
        </p:nvSpPr>
        <p:spPr>
          <a:xfrm>
            <a:off x="1979719" y="3124940"/>
            <a:ext cx="1003180" cy="3040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6D1E66D-7E35-4037-A967-BD046D6E642F}"/>
              </a:ext>
            </a:extLst>
          </p:cNvPr>
          <p:cNvSpPr txBox="1"/>
          <p:nvPr/>
        </p:nvSpPr>
        <p:spPr>
          <a:xfrm>
            <a:off x="6843011" y="2526938"/>
            <a:ext cx="2360951" cy="94781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104418B-B405-4546-961F-441684FDDF4D}"/>
              </a:ext>
            </a:extLst>
          </p:cNvPr>
          <p:cNvSpPr txBox="1"/>
          <p:nvPr/>
        </p:nvSpPr>
        <p:spPr>
          <a:xfrm>
            <a:off x="8401987" y="249137"/>
            <a:ext cx="2599388" cy="1081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7302FF2-BC11-4E2F-A8A8-00912EC3652F}"/>
              </a:ext>
            </a:extLst>
          </p:cNvPr>
          <p:cNvSpPr txBox="1"/>
          <p:nvPr/>
        </p:nvSpPr>
        <p:spPr>
          <a:xfrm>
            <a:off x="8343304" y="1844676"/>
            <a:ext cx="2325951" cy="192105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" name="Content Placeholder 4">
            <a:extLst>
              <a:ext uri="{FF2B5EF4-FFF2-40B4-BE49-F238E27FC236}">
                <a16:creationId xmlns:a16="http://schemas.microsoft.com/office/drawing/2014/main" id="{80EDF406-7701-48DD-AAB0-B20D9721C7CC}"/>
              </a:ext>
            </a:extLst>
          </p:cNvPr>
          <p:cNvSpPr txBox="1">
            <a:spLocks/>
          </p:cNvSpPr>
          <p:nvPr/>
        </p:nvSpPr>
        <p:spPr>
          <a:xfrm>
            <a:off x="740945" y="3374454"/>
            <a:ext cx="7787650" cy="2754756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spc="1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n-US" sz="1800" spc="1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5AFE8EE-8E0F-8745-0503-59160E576BC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7786776" y="3599505"/>
            <a:ext cx="3704475" cy="1518835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6B21DB6A-AFCE-521E-8E53-C261956078FD}"/>
              </a:ext>
            </a:extLst>
          </p:cNvPr>
          <p:cNvSpPr txBox="1"/>
          <p:nvPr/>
        </p:nvSpPr>
        <p:spPr>
          <a:xfrm>
            <a:off x="6458279" y="6439586"/>
            <a:ext cx="609600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latin typeface="+mn-lt"/>
                <a:hlinkClick r:id="rId7"/>
              </a:rPr>
              <a:t>https://doc.rust-lang.org/nomicon/meet-safe-and-unsafe.html</a:t>
            </a:r>
            <a:endParaRPr lang="en-US" sz="1600" dirty="0">
              <a:latin typeface="+mn-lt"/>
            </a:endParaRPr>
          </a:p>
        </p:txBody>
      </p:sp>
      <p:sp>
        <p:nvSpPr>
          <p:cNvPr id="2" name="Speech Bubble: Oval 1">
            <a:extLst>
              <a:ext uri="{FF2B5EF4-FFF2-40B4-BE49-F238E27FC236}">
                <a16:creationId xmlns:a16="http://schemas.microsoft.com/office/drawing/2014/main" id="{179852F6-BE3E-E2C2-96BA-DE3138F75FC0}"/>
              </a:ext>
            </a:extLst>
          </p:cNvPr>
          <p:cNvSpPr/>
          <p:nvPr/>
        </p:nvSpPr>
        <p:spPr bwMode="auto">
          <a:xfrm>
            <a:off x="9434226" y="1990566"/>
            <a:ext cx="1722633" cy="1523733"/>
          </a:xfrm>
          <a:prstGeom prst="wedgeEllipseCallou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/>
              <a:t>Trust me, I know what I’m doing</a:t>
            </a: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34E5D6E-B81D-B959-D55B-9D2CA5BEA111}"/>
              </a:ext>
            </a:extLst>
          </p:cNvPr>
          <p:cNvSpPr txBox="1"/>
          <p:nvPr/>
        </p:nvSpPr>
        <p:spPr>
          <a:xfrm>
            <a:off x="631825" y="4751832"/>
            <a:ext cx="3062351" cy="83220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5D5850C-9737-1B88-C927-AAA621DD24FB}"/>
              </a:ext>
            </a:extLst>
          </p:cNvPr>
          <p:cNvSpPr txBox="1"/>
          <p:nvPr/>
        </p:nvSpPr>
        <p:spPr>
          <a:xfrm>
            <a:off x="6656832" y="4042564"/>
            <a:ext cx="2777394" cy="70926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172831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2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C682BC7-B552-DF80-2E3F-C6F633FA74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cess-based Isolation vs In-Process Isol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76FDCB6-DE8E-1C9F-43BF-94ECB208D9CB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dirty="0"/>
              <a:t>Process-based Isolation</a:t>
            </a:r>
          </a:p>
          <a:p>
            <a:pPr lvl="1"/>
            <a:r>
              <a:rPr lang="en-US" dirty="0"/>
              <a:t>Integrity: each process runs in its own virtual memory space that prevents a malicious process from accessing the memory of another process, and</a:t>
            </a:r>
          </a:p>
          <a:p>
            <a:pPr lvl="1"/>
            <a:r>
              <a:rPr lang="en-US" dirty="0"/>
              <a:t>Resilience: each process has its own failure boundary so one process’ failure does not affect others.</a:t>
            </a:r>
          </a:p>
          <a:p>
            <a:pPr marL="183600" lvl="1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In-Process Isolation</a:t>
            </a:r>
          </a:p>
          <a:p>
            <a:pPr lvl="1"/>
            <a:r>
              <a:rPr lang="en-US" dirty="0"/>
              <a:t>Notion of creating compartmentalized security domains within the memory space of a single application process. </a:t>
            </a:r>
          </a:p>
          <a:p>
            <a:pPr lvl="1"/>
            <a:r>
              <a:rPr lang="en-US" dirty="0"/>
              <a:t>In-process isolation can significantly reduce the run-time cost of context switching compared to traditional process isolation</a:t>
            </a:r>
          </a:p>
          <a:p>
            <a:pPr marL="0" indent="0">
              <a:buNone/>
            </a:pPr>
            <a:endParaRPr lang="en-US" dirty="0"/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342026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  <p:extLst>
    <p:ext uri="{6950BFC3-D8DA-4A85-94F7-54DA5524770B}">
      <p188:commentRel xmlns:p188="http://schemas.microsoft.com/office/powerpoint/2018/8/main" r:id="rId2"/>
    </p:ext>
  </p:extLs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2DD72F2-8E4F-4D7F-9707-468C58A846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State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CB922AC-EC49-4BAB-880A-2BDBE3F18C8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3200"/>
            <a:ext cx="11233150" cy="4392000"/>
          </a:xfrm>
        </p:spPr>
        <p:txBody>
          <a:bodyPr/>
          <a:lstStyle/>
          <a:p>
            <a:pPr marL="0" indent="0" algn="ctr">
              <a:buNone/>
              <a:defRPr/>
            </a:pPr>
            <a:r>
              <a:rPr lang="en-US" sz="2400" b="1" dirty="0">
                <a:solidFill>
                  <a:srgbClr val="000000"/>
                </a:solidFill>
                <a:effectLst/>
                <a:latin typeface="Ericsson Hilda" panose="00000500000000000000" pitchFamily="2" charset="0"/>
              </a:rPr>
              <a:t>Can we have the best of both worlds?</a:t>
            </a:r>
          </a:p>
          <a:p>
            <a:pPr marL="457200" indent="-457200" algn="ctr">
              <a:buAutoNum type="arabicParenR"/>
              <a:defRPr/>
            </a:pPr>
            <a:r>
              <a:rPr kumimoji="0" lang="en-US" sz="2400" b="1" i="0" u="none" strike="noStrike" kern="1000" cap="none" spc="-30" normalizeH="0" baseline="0" noProof="0" dirty="0">
                <a:ln>
                  <a:noFill/>
                </a:ln>
                <a:solidFill>
                  <a:srgbClr val="7030A0"/>
                </a:solidFill>
                <a:uLnTx/>
                <a:uFillTx/>
                <a:latin typeface="Ericsson Hilda" panose="00000500000000000000" pitchFamily="2" charset="0"/>
              </a:rPr>
              <a:t>Integrity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7030A0"/>
                </a:solidFill>
                <a:uLnTx/>
                <a:uFillTx/>
                <a:latin typeface="Ericsson Hilda" panose="00000500000000000000" pitchFamily="2" charset="0"/>
              </a:rPr>
              <a:t> and </a:t>
            </a:r>
            <a:r>
              <a:rPr lang="en-US" sz="2400" b="1" noProof="0" dirty="0">
                <a:solidFill>
                  <a:srgbClr val="7030A0"/>
                </a:solidFill>
                <a:latin typeface="Ericsson Hilda" panose="00000500000000000000" pitchFamily="2" charset="0"/>
              </a:rPr>
              <a:t>f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7030A0"/>
                </a:solidFill>
                <a:uLnTx/>
                <a:uFillTx/>
                <a:latin typeface="Ericsson Hilda" panose="00000500000000000000" pitchFamily="2" charset="0"/>
              </a:rPr>
              <a:t>ailure boundary 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000000"/>
                </a:solidFill>
                <a:uLnTx/>
                <a:uFillTx/>
                <a:latin typeface="Ericsson Hilda" panose="00000500000000000000" pitchFamily="2" charset="0"/>
              </a:rPr>
              <a:t>similar to </a:t>
            </a:r>
            <a:r>
              <a:rPr lang="en-US" sz="2400" b="1" dirty="0">
                <a:solidFill>
                  <a:srgbClr val="000000"/>
                </a:solidFill>
                <a:latin typeface="Ericsson Hilda" panose="00000500000000000000" pitchFamily="2" charset="0"/>
              </a:rPr>
              <a:t>p</a:t>
            </a:r>
            <a:r>
              <a:rPr kumimoji="0" lang="en-US" sz="2400" b="1" i="0" u="none" strike="noStrike" kern="1000" cap="none" spc="-30" normalizeH="0" noProof="0" dirty="0" err="1">
                <a:ln>
                  <a:noFill/>
                </a:ln>
                <a:solidFill>
                  <a:srgbClr val="000000"/>
                </a:solidFill>
                <a:uLnTx/>
                <a:uFillTx/>
                <a:latin typeface="Ericsson Hilda" panose="00000500000000000000" pitchFamily="2" charset="0"/>
              </a:rPr>
              <a:t>rocess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000000"/>
                </a:solidFill>
                <a:uLnTx/>
                <a:uFillTx/>
                <a:latin typeface="Ericsson Hilda" panose="00000500000000000000" pitchFamily="2" charset="0"/>
              </a:rPr>
              <a:t>-based </a:t>
            </a:r>
            <a:r>
              <a:rPr lang="en-US" sz="2400" b="1" dirty="0" err="1">
                <a:solidFill>
                  <a:srgbClr val="000000"/>
                </a:solidFill>
                <a:latin typeface="Ericsson Hilda" panose="00000500000000000000" pitchFamily="2" charset="0"/>
              </a:rPr>
              <a:t>i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000000"/>
                </a:solidFill>
                <a:uLnTx/>
                <a:uFillTx/>
                <a:latin typeface="Ericsson Hilda" panose="00000500000000000000" pitchFamily="2" charset="0"/>
              </a:rPr>
              <a:t>solation </a:t>
            </a:r>
          </a:p>
          <a:p>
            <a:pPr marL="457200" indent="-457200" algn="ctr">
              <a:buAutoNum type="arabicParenR"/>
              <a:defRPr/>
            </a:pPr>
            <a:r>
              <a:rPr lang="en-US" sz="2400" b="1" baseline="0" dirty="0">
                <a:solidFill>
                  <a:srgbClr val="7030A0"/>
                </a:solidFill>
                <a:effectLst/>
                <a:latin typeface="Ericsson Hilda" panose="00000500000000000000" pitchFamily="2" charset="0"/>
              </a:rPr>
              <a:t>Lower</a:t>
            </a:r>
            <a:r>
              <a:rPr lang="en-US" sz="2400" b="1" dirty="0">
                <a:solidFill>
                  <a:srgbClr val="7030A0"/>
                </a:solidFill>
                <a:effectLst/>
                <a:latin typeface="Ericsson Hilda" panose="00000500000000000000" pitchFamily="2" charset="0"/>
              </a:rPr>
              <a:t> overheads </a:t>
            </a:r>
            <a:r>
              <a:rPr lang="en-US" sz="2400" b="1" dirty="0">
                <a:solidFill>
                  <a:srgbClr val="000000"/>
                </a:solidFill>
                <a:effectLst/>
                <a:latin typeface="Ericsson Hilda" panose="00000500000000000000" pitchFamily="2" charset="0"/>
              </a:rPr>
              <a:t>similar to in-process isolation</a:t>
            </a: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r>
              <a:rPr kumimoji="0" lang="en-US" sz="20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</a:rPr>
              <a:t>Goals:</a:t>
            </a:r>
          </a:p>
          <a:p>
            <a:pPr>
              <a:defRPr/>
            </a:pPr>
            <a:r>
              <a:rPr lang="en-US" dirty="0">
                <a:solidFill>
                  <a:srgbClr val="181818"/>
                </a:solidFill>
              </a:rPr>
              <a:t> </a:t>
            </a:r>
            <a:r>
              <a:rPr kumimoji="0" lang="en-US" sz="200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</a:rPr>
              <a:t>Maintaining</a:t>
            </a:r>
            <a:r>
              <a:rPr kumimoji="0" lang="en-US" sz="2000" i="0" u="none" strike="noStrike" kern="1000" cap="none" spc="-30" normalizeH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</a:rPr>
              <a:t> Rust application safety </a:t>
            </a:r>
            <a:endParaRPr kumimoji="0" lang="en-US" sz="200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>
              <a:defRPr/>
            </a:pPr>
            <a:r>
              <a:rPr lang="en-US" dirty="0"/>
              <a:t> Increasing</a:t>
            </a:r>
            <a:r>
              <a:rPr lang="en-US" b="1" dirty="0">
                <a:solidFill>
                  <a:srgbClr val="7030A0"/>
                </a:solidFill>
              </a:rPr>
              <a:t> software resilience </a:t>
            </a:r>
            <a:r>
              <a:rPr lang="en-US" b="1" dirty="0"/>
              <a:t>of</a:t>
            </a:r>
            <a:r>
              <a:rPr lang="en-US" b="1" dirty="0">
                <a:solidFill>
                  <a:srgbClr val="7030A0"/>
                </a:solidFill>
              </a:rPr>
              <a:t> </a:t>
            </a:r>
            <a:r>
              <a:rPr lang="en-US" dirty="0"/>
              <a:t>Rust application</a:t>
            </a:r>
          </a:p>
          <a:p>
            <a:pPr>
              <a:defRPr/>
            </a:pPr>
            <a:r>
              <a:rPr lang="en-US" dirty="0"/>
              <a:t> Ease-of-use in development </a:t>
            </a:r>
          </a:p>
          <a:p>
            <a:pPr>
              <a:defRPr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98496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400340-41C8-4D5E-9D2A-DCC37CE287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000" dirty="0">
                <a:solidFill>
                  <a:srgbClr val="000000"/>
                </a:solidFill>
                <a:cs typeface="Arial" panose="020B0604020202020204" pitchFamily="34" charset="0"/>
              </a:rPr>
              <a:t>Secure Rewind and Discard with Isolated Domains (IEEE DSN´23) 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F0FE6E-FE68-4C60-8872-CD6C49828A02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en-US" sz="2400" b="1" dirty="0">
                <a:solidFill>
                  <a:srgbClr val="7030A0"/>
                </a:solidFill>
                <a:latin typeface="Ericsson Hilda" panose="00000500000000000000" pitchFamily="2" charset="0"/>
              </a:rPr>
              <a:t>Secure rewind and discard</a:t>
            </a:r>
            <a:r>
              <a:rPr lang="en-US" sz="2400" b="1" dirty="0">
                <a:solidFill>
                  <a:srgbClr val="000000"/>
                </a:solidFill>
                <a:latin typeface="Ericsson Hilda" panose="00000500000000000000" pitchFamily="2" charset="0"/>
              </a:rPr>
              <a:t> is an approach for recovering vulnerable applications after an attack is detected for C applications. </a:t>
            </a: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lang="en-US" sz="2000" b="1" kern="0" spc="10" dirty="0">
              <a:solidFill>
                <a:sysClr val="windowText" lastClr="000000"/>
              </a:solidFill>
              <a:latin typeface="Ericsson Hilda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1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Requirements:</a:t>
            </a:r>
          </a:p>
          <a:p>
            <a:pPr marL="342900" marR="0" lvl="0" indent="-34290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kern="0" spc="10" dirty="0">
                <a:solidFill>
                  <a:sysClr val="windowText" lastClr="000000"/>
                </a:solidFill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C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ompartmentalizing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 the application into distinct domains</a:t>
            </a:r>
            <a:b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A memory defect within a domain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rgbClr val="7030A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must only affect that domain’s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memory</a:t>
            </a:r>
            <a:b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lang="en-US" kern="0" spc="10" dirty="0">
                <a:solidFill>
                  <a:sysClr val="windowText" lastClr="000000"/>
                </a:solidFill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H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ardware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-assisted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rgbClr val="7030A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software fault isolation (SFI)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based on Protection Keys for 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Userspace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 in 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CotS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 processors (Intel, AMD)</a:t>
            </a:r>
          </a:p>
          <a:p>
            <a:pPr marL="342900" indent="-342900">
              <a:buFont typeface="Arial" panose="020B0604020202020204" pitchFamily="34" charset="0"/>
              <a:buChar char="•"/>
              <a:defRPr/>
            </a:pPr>
            <a:r>
              <a:rPr lang="en-US" kern="0" spc="10" dirty="0">
                <a:solidFill>
                  <a:sysClr val="windowText" lastClr="000000"/>
                </a:solidFill>
                <a:ea typeface="Times New Roman" panose="02020603050405020304" pitchFamily="18" charset="0"/>
                <a:cs typeface="Arial" panose="020B0604020202020204" pitchFamily="34" charset="0"/>
              </a:rPr>
              <a:t>Leveraging different pre-existing </a:t>
            </a:r>
            <a:r>
              <a:rPr lang="en-US" kern="0" spc="10" dirty="0">
                <a:solidFill>
                  <a:schemeClr val="accent3">
                    <a:lumMod val="50000"/>
                  </a:schemeClr>
                </a:solidFill>
                <a:ea typeface="Times New Roman" panose="02020603050405020304" pitchFamily="18" charset="0"/>
                <a:cs typeface="Arial" panose="020B0604020202020204" pitchFamily="34" charset="0"/>
              </a:rPr>
              <a:t>detection mechanisms</a:t>
            </a:r>
            <a:br>
              <a:rPr lang="en-US" kern="0" spc="10" dirty="0">
                <a:solidFill>
                  <a:sysClr val="windowText" lastClr="000000"/>
                </a:solidFill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lang="en-US" kern="0" spc="10" dirty="0">
                <a:solidFill>
                  <a:sysClr val="windowText" lastClr="000000"/>
                </a:solidFill>
                <a:ea typeface="Times New Roman" panose="02020603050405020304" pitchFamily="18" charset="0"/>
                <a:cs typeface="Arial" panose="020B0604020202020204" pitchFamily="34" charset="0"/>
              </a:rPr>
              <a:t>such as stack canaries and domain violations</a:t>
            </a: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lang="en-US" sz="2000" kern="1000" spc="-30" dirty="0">
              <a:solidFill>
                <a:srgbClr val="181818"/>
              </a:solidFill>
              <a:latin typeface="Ericsson Hilda"/>
              <a:cs typeface="Arial" panose="020B0604020202020204" pitchFamily="34" charset="0"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r>
              <a:rPr lang="en-US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Secure Domain Rewind and Discard (</a:t>
            </a:r>
            <a:r>
              <a:rPr lang="en-US" dirty="0" err="1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SDRaD</a:t>
            </a:r>
            <a:r>
              <a:rPr lang="en-US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), a C library</a:t>
            </a:r>
            <a:endParaRPr lang="en-US" sz="2000" kern="1000" spc="-30" dirty="0">
              <a:solidFill>
                <a:srgbClr val="181818"/>
              </a:solidFill>
              <a:latin typeface="Ericsson Hilda"/>
              <a:cs typeface="Arial" panose="020B0604020202020204" pitchFamily="34" charset="0"/>
            </a:endParaRPr>
          </a:p>
          <a:p>
            <a:pPr marL="342900" marR="0" lvl="0" indent="-34290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US" sz="2000" kern="1000" spc="-30" dirty="0">
              <a:solidFill>
                <a:srgbClr val="181818"/>
              </a:solidFill>
              <a:latin typeface="Ericsson Hilda"/>
              <a:cs typeface="Arial" panose="020B0604020202020204" pitchFamily="34" charset="0"/>
            </a:endParaRPr>
          </a:p>
          <a:p>
            <a:pPr marL="342900" marR="0" lvl="0" indent="-34290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2000" i="0" u="none" strike="noStrike" kern="0" cap="none" spc="1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endParaRPr lang="en-US" dirty="0"/>
          </a:p>
        </p:txBody>
      </p:sp>
      <p:pic>
        <p:nvPicPr>
          <p:cNvPr id="5" name="Picture 4" descr="A qr code on a white background&#10;&#10;Description automatically generated">
            <a:extLst>
              <a:ext uri="{FF2B5EF4-FFF2-40B4-BE49-F238E27FC236}">
                <a16:creationId xmlns:a16="http://schemas.microsoft.com/office/drawing/2014/main" id="{B7254CA9-CA5C-3E79-0563-4A4BF36AFAB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42424" y="4554473"/>
            <a:ext cx="2278888" cy="22788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30181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5734A3-2D83-4583-BB70-FB7D479231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5673" y="392706"/>
            <a:ext cx="1052195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-FFI High Level Ide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15941AD8-E53D-E11C-9279-329699C2A0C7}"/>
              </a:ext>
            </a:extLst>
          </p:cNvPr>
          <p:cNvSpPr txBox="1"/>
          <p:nvPr/>
        </p:nvSpPr>
        <p:spPr>
          <a:xfrm>
            <a:off x="5035296" y="2238295"/>
            <a:ext cx="6473952" cy="373578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FD89B22-1EC8-5D7A-6661-669A7CFC3678}"/>
              </a:ext>
            </a:extLst>
          </p:cNvPr>
          <p:cNvSpPr/>
          <p:nvPr/>
        </p:nvSpPr>
        <p:spPr>
          <a:xfrm>
            <a:off x="7834627" y="1689090"/>
            <a:ext cx="3697712" cy="388063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ED9F2D2-B91E-FA4D-A8E5-77DDCD2C146F}"/>
              </a:ext>
            </a:extLst>
          </p:cNvPr>
          <p:cNvSpPr/>
          <p:nvPr/>
        </p:nvSpPr>
        <p:spPr>
          <a:xfrm>
            <a:off x="4471467" y="1738620"/>
            <a:ext cx="3039442" cy="3880630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8E9B4F1-40C1-ADBA-C5D0-CFC1D794A5BD}"/>
              </a:ext>
            </a:extLst>
          </p:cNvPr>
          <p:cNvSpPr/>
          <p:nvPr/>
        </p:nvSpPr>
        <p:spPr>
          <a:xfrm>
            <a:off x="10040447" y="2219244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voke F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43D3F5A-827D-732C-E5A5-EFC7816343FC}"/>
              </a:ext>
            </a:extLst>
          </p:cNvPr>
          <p:cNvSpPr/>
          <p:nvPr/>
        </p:nvSpPr>
        <p:spPr>
          <a:xfrm>
            <a:off x="7074569" y="2219244"/>
            <a:ext cx="1174446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nt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" name="Diamond 12">
            <a:extLst>
              <a:ext uri="{FF2B5EF4-FFF2-40B4-BE49-F238E27FC236}">
                <a16:creationId xmlns:a16="http://schemas.microsoft.com/office/drawing/2014/main" id="{05BC7A4D-FC1B-B55F-FEAA-D7B0E5513320}"/>
              </a:ext>
            </a:extLst>
          </p:cNvPr>
          <p:cNvSpPr/>
          <p:nvPr/>
        </p:nvSpPr>
        <p:spPr>
          <a:xfrm>
            <a:off x="9956280" y="3322170"/>
            <a:ext cx="1288797" cy="904593"/>
          </a:xfrm>
          <a:prstGeom prst="diamond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wrap="none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ult?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69F7E9B-7B72-1121-776F-CE63EED5CFDA}"/>
              </a:ext>
            </a:extLst>
          </p:cNvPr>
          <p:cNvSpPr/>
          <p:nvPr/>
        </p:nvSpPr>
        <p:spPr>
          <a:xfrm>
            <a:off x="7048076" y="3502929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BA1293B-6A48-E033-FB4F-C1619BD21427}"/>
              </a:ext>
            </a:extLst>
          </p:cNvPr>
          <p:cNvCxnSpPr>
            <a:cxnSpLocks/>
            <a:stCxn id="29" idx="3"/>
            <a:endCxn id="34" idx="1"/>
          </p:cNvCxnSpPr>
          <p:nvPr/>
        </p:nvCxnSpPr>
        <p:spPr>
          <a:xfrm>
            <a:off x="5881846" y="2499254"/>
            <a:ext cx="259986" cy="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C9174F77-14BB-8D64-FDD0-1B9DD2AD872C}"/>
              </a:ext>
            </a:extLst>
          </p:cNvPr>
          <p:cNvCxnSpPr>
            <a:cxnSpLocks/>
            <a:stCxn id="11" idx="2"/>
            <a:endCxn id="13" idx="0"/>
          </p:cNvCxnSpPr>
          <p:nvPr/>
        </p:nvCxnSpPr>
        <p:spPr>
          <a:xfrm>
            <a:off x="10600678" y="2811672"/>
            <a:ext cx="1" cy="51049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B8F6B69-CCA9-FDA5-7092-8918E78E6F7D}"/>
              </a:ext>
            </a:extLst>
          </p:cNvPr>
          <p:cNvCxnSpPr>
            <a:cxnSpLocks/>
            <a:stCxn id="13" idx="1"/>
            <a:endCxn id="15" idx="3"/>
          </p:cNvCxnSpPr>
          <p:nvPr/>
        </p:nvCxnSpPr>
        <p:spPr>
          <a:xfrm flipH="1">
            <a:off x="8168538" y="3774467"/>
            <a:ext cx="1787742" cy="246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7A77AFDC-3434-1FC6-B088-FA62BF692475}"/>
              </a:ext>
            </a:extLst>
          </p:cNvPr>
          <p:cNvCxnSpPr>
            <a:cxnSpLocks/>
          </p:cNvCxnSpPr>
          <p:nvPr/>
        </p:nvCxnSpPr>
        <p:spPr>
          <a:xfrm>
            <a:off x="5415211" y="1458561"/>
            <a:ext cx="0" cy="64231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A20E916B-264E-F1C1-D736-97BCE57DD6B2}"/>
              </a:ext>
            </a:extLst>
          </p:cNvPr>
          <p:cNvSpPr txBox="1"/>
          <p:nvPr/>
        </p:nvSpPr>
        <p:spPr>
          <a:xfrm>
            <a:off x="9072302" y="3405134"/>
            <a:ext cx="4912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ye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32DBB8C2-3925-4E97-BB64-3321EC4144B3}"/>
              </a:ext>
            </a:extLst>
          </p:cNvPr>
          <p:cNvSpPr txBox="1"/>
          <p:nvPr/>
        </p:nvSpPr>
        <p:spPr>
          <a:xfrm>
            <a:off x="5881846" y="1665445"/>
            <a:ext cx="158524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Parent Domain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EA93954E-C08D-F3EF-4FF5-A61B83EAB803}"/>
              </a:ext>
            </a:extLst>
          </p:cNvPr>
          <p:cNvSpPr txBox="1"/>
          <p:nvPr/>
        </p:nvSpPr>
        <p:spPr>
          <a:xfrm>
            <a:off x="8439260" y="1673297"/>
            <a:ext cx="196204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ested Domain D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D05A629-101E-05EB-2686-68417CEB5228}"/>
              </a:ext>
            </a:extLst>
          </p:cNvPr>
          <p:cNvSpPr/>
          <p:nvPr/>
        </p:nvSpPr>
        <p:spPr>
          <a:xfrm>
            <a:off x="5012205" y="2080020"/>
            <a:ext cx="869641" cy="838467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i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949715E-85C0-BE7A-CAA1-E92235AE07AF}"/>
              </a:ext>
            </a:extLst>
          </p:cNvPr>
          <p:cNvSpPr/>
          <p:nvPr/>
        </p:nvSpPr>
        <p:spPr>
          <a:xfrm>
            <a:off x="4736765" y="3465526"/>
            <a:ext cx="1863828" cy="639041"/>
          </a:xfrm>
          <a:prstGeom prst="rect">
            <a:avLst/>
          </a:prstGeom>
          <a:ln/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 anchor="ctr"/>
          <a:lstStyle/>
          <a:p>
            <a:pPr lvl="1" algn="ctr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+mn-lt"/>
              </a:rPr>
              <a:t>Rewind &amp; Discard</a:t>
            </a: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ACF6517-DA09-D042-FBCC-8F6744F1782F}"/>
              </a:ext>
            </a:extLst>
          </p:cNvPr>
          <p:cNvCxnSpPr>
            <a:cxnSpLocks/>
            <a:endCxn id="30" idx="3"/>
          </p:cNvCxnSpPr>
          <p:nvPr/>
        </p:nvCxnSpPr>
        <p:spPr bwMode="auto">
          <a:xfrm flipH="1">
            <a:off x="6600593" y="3785047"/>
            <a:ext cx="460035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4" name="Rectangle 33">
            <a:extLst>
              <a:ext uri="{FF2B5EF4-FFF2-40B4-BE49-F238E27FC236}">
                <a16:creationId xmlns:a16="http://schemas.microsoft.com/office/drawing/2014/main" id="{D856ED8E-1D71-BB24-3AA3-F7BA82D6DB96}"/>
              </a:ext>
            </a:extLst>
          </p:cNvPr>
          <p:cNvSpPr/>
          <p:nvPr/>
        </p:nvSpPr>
        <p:spPr>
          <a:xfrm>
            <a:off x="6141832" y="2080020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sh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A1A68EC2-42F5-D462-1D2F-12157C1A78DF}"/>
              </a:ext>
            </a:extLst>
          </p:cNvPr>
          <p:cNvCxnSpPr>
            <a:cxnSpLocks/>
            <a:stCxn id="34" idx="3"/>
          </p:cNvCxnSpPr>
          <p:nvPr/>
        </p:nvCxnSpPr>
        <p:spPr>
          <a:xfrm flipV="1">
            <a:off x="6823757" y="2498178"/>
            <a:ext cx="263366" cy="10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48" name="Rectangle 47">
            <a:extLst>
              <a:ext uri="{FF2B5EF4-FFF2-40B4-BE49-F238E27FC236}">
                <a16:creationId xmlns:a16="http://schemas.microsoft.com/office/drawing/2014/main" id="{4165CDEF-3B5D-0A0C-19F3-90B248C3236B}"/>
              </a:ext>
            </a:extLst>
          </p:cNvPr>
          <p:cNvSpPr/>
          <p:nvPr/>
        </p:nvSpPr>
        <p:spPr>
          <a:xfrm>
            <a:off x="8813420" y="2086236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8C6FC05B-418A-97AD-FB03-B5AD68ACA8E1}"/>
              </a:ext>
            </a:extLst>
          </p:cNvPr>
          <p:cNvCxnSpPr>
            <a:stCxn id="12" idx="3"/>
            <a:endCxn id="48" idx="1"/>
          </p:cNvCxnSpPr>
          <p:nvPr/>
        </p:nvCxnSpPr>
        <p:spPr bwMode="auto">
          <a:xfrm flipV="1">
            <a:off x="8249015" y="2505470"/>
            <a:ext cx="564405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6D185353-29C4-4882-759D-FDA4C51CBCC1}"/>
              </a:ext>
            </a:extLst>
          </p:cNvPr>
          <p:cNvCxnSpPr>
            <a:cxnSpLocks/>
            <a:stCxn id="48" idx="3"/>
            <a:endCxn id="11" idx="1"/>
          </p:cNvCxnSpPr>
          <p:nvPr/>
        </p:nvCxnSpPr>
        <p:spPr bwMode="auto">
          <a:xfrm>
            <a:off x="9495345" y="2505470"/>
            <a:ext cx="545102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02" name="TextBox 101">
            <a:extLst>
              <a:ext uri="{FF2B5EF4-FFF2-40B4-BE49-F238E27FC236}">
                <a16:creationId xmlns:a16="http://schemas.microsoft.com/office/drawing/2014/main" id="{6DD1F6FF-4029-2643-29A3-FE9FE43C284A}"/>
              </a:ext>
            </a:extLst>
          </p:cNvPr>
          <p:cNvSpPr txBox="1"/>
          <p:nvPr/>
        </p:nvSpPr>
        <p:spPr>
          <a:xfrm>
            <a:off x="4743955" y="1162347"/>
            <a:ext cx="618134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F(</a:t>
            </a: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)</a:t>
            </a:r>
          </a:p>
        </p:txBody>
      </p:sp>
      <p:sp>
        <p:nvSpPr>
          <p:cNvPr id="132" name="Rectangle 131">
            <a:extLst>
              <a:ext uri="{FF2B5EF4-FFF2-40B4-BE49-F238E27FC236}">
                <a16:creationId xmlns:a16="http://schemas.microsoft.com/office/drawing/2014/main" id="{3DBF5ABD-8793-0D5F-DD9E-F768B13B0061}"/>
              </a:ext>
            </a:extLst>
          </p:cNvPr>
          <p:cNvSpPr/>
          <p:nvPr/>
        </p:nvSpPr>
        <p:spPr>
          <a:xfrm>
            <a:off x="468449" y="4408359"/>
            <a:ext cx="394538" cy="383419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3" name="TextBox 132">
            <a:extLst>
              <a:ext uri="{FF2B5EF4-FFF2-40B4-BE49-F238E27FC236}">
                <a16:creationId xmlns:a16="http://schemas.microsoft.com/office/drawing/2014/main" id="{35537688-119B-718D-3973-A02B432E855F}"/>
              </a:ext>
            </a:extLst>
          </p:cNvPr>
          <p:cNvSpPr txBox="1"/>
          <p:nvPr/>
        </p:nvSpPr>
        <p:spPr>
          <a:xfrm>
            <a:off x="1038225" y="4450227"/>
            <a:ext cx="1679002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DRaD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PIs </a:t>
            </a:r>
          </a:p>
        </p:txBody>
      </p:sp>
      <p:sp>
        <p:nvSpPr>
          <p:cNvPr id="134" name="Rectangle 133">
            <a:extLst>
              <a:ext uri="{FF2B5EF4-FFF2-40B4-BE49-F238E27FC236}">
                <a16:creationId xmlns:a16="http://schemas.microsoft.com/office/drawing/2014/main" id="{E1D03005-AB91-1000-4FFD-E100E1BC2657}"/>
              </a:ext>
            </a:extLst>
          </p:cNvPr>
          <p:cNvSpPr/>
          <p:nvPr/>
        </p:nvSpPr>
        <p:spPr>
          <a:xfrm>
            <a:off x="468449" y="5034243"/>
            <a:ext cx="394538" cy="383419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76266646-DE7A-9B6B-9CD3-8DFEF7B5EA88}"/>
              </a:ext>
            </a:extLst>
          </p:cNvPr>
          <p:cNvSpPr txBox="1"/>
          <p:nvPr/>
        </p:nvSpPr>
        <p:spPr>
          <a:xfrm>
            <a:off x="1038224" y="5076111"/>
            <a:ext cx="2978507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2000" dirty="0">
                <a:latin typeface="+mn-lt"/>
              </a:rPr>
              <a:t>Track the Rust data types of the arguments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8180E7D-C49C-ACE9-9147-EC8794C44E8E}"/>
              </a:ext>
            </a:extLst>
          </p:cNvPr>
          <p:cNvSpPr txBox="1"/>
          <p:nvPr/>
        </p:nvSpPr>
        <p:spPr>
          <a:xfrm>
            <a:off x="392684" y="1238750"/>
            <a:ext cx="6115050" cy="286232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1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sandbox!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</a:t>
            </a:r>
            <a:r>
              <a:rPr lang="en-US" b="0" dirty="0" err="1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fn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F(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) {</a:t>
            </a: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         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</a:t>
            </a:r>
            <a:r>
              <a:rPr lang="en-US" b="0" dirty="0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unsafe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    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 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}</a:t>
            </a: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         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}</a:t>
            </a:r>
          </a:p>
          <a:p>
            <a:r>
              <a:rPr lang="en-US" b="1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}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D1E168EF-8CF8-01A9-52C5-01AC996C1817}"/>
              </a:ext>
            </a:extLst>
          </p:cNvPr>
          <p:cNvSpPr txBox="1"/>
          <p:nvPr/>
        </p:nvSpPr>
        <p:spPr>
          <a:xfrm>
            <a:off x="5049793" y="599313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grpSp>
        <p:nvGrpSpPr>
          <p:cNvPr id="39" name="Group 38">
            <a:extLst>
              <a:ext uri="{FF2B5EF4-FFF2-40B4-BE49-F238E27FC236}">
                <a16:creationId xmlns:a16="http://schemas.microsoft.com/office/drawing/2014/main" id="{199FC236-AA13-8335-91B0-0E47C50E3E49}"/>
              </a:ext>
            </a:extLst>
          </p:cNvPr>
          <p:cNvGrpSpPr/>
          <p:nvPr/>
        </p:nvGrpSpPr>
        <p:grpSpPr>
          <a:xfrm>
            <a:off x="2544842" y="2336546"/>
            <a:ext cx="3280967" cy="914400"/>
            <a:chOff x="5532452" y="6219024"/>
            <a:chExt cx="3280967" cy="914400"/>
          </a:xfrm>
        </p:grpSpPr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BD1A6A1C-F41F-D9CE-AF33-FA47312EA542}"/>
                </a:ext>
              </a:extLst>
            </p:cNvPr>
            <p:cNvSpPr txBox="1"/>
            <p:nvPr/>
          </p:nvSpPr>
          <p:spPr>
            <a:xfrm>
              <a:off x="5532452" y="6219024"/>
              <a:ext cx="3280967" cy="9144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algn="l" rtl="0" fontAlgn="base">
                <a:spcBef>
                  <a:spcPts val="800"/>
                </a:spcBef>
                <a:spcAft>
                  <a:spcPct val="0"/>
                </a:spcAft>
              </a:pPr>
              <a:r>
                <a:rPr lang="en-US" sz="2000" b="0" dirty="0">
                  <a:solidFill>
                    <a:srgbClr val="008000"/>
                  </a:solidFill>
                  <a:effectLst/>
                  <a:latin typeface="Consolas" panose="020B0609020204030204" pitchFamily="49" charset="0"/>
                </a:rPr>
                <a:t>//      Trust me, I know </a:t>
              </a:r>
            </a:p>
            <a:p>
              <a:pPr algn="l" rtl="0" fontAlgn="base">
                <a:spcBef>
                  <a:spcPts val="800"/>
                </a:spcBef>
                <a:spcAft>
                  <a:spcPct val="0"/>
                </a:spcAft>
              </a:pPr>
              <a:r>
                <a:rPr lang="en-US" sz="2000" dirty="0">
                  <a:solidFill>
                    <a:srgbClr val="008000"/>
                  </a:solidFill>
                  <a:latin typeface="Consolas" panose="020B0609020204030204" pitchFamily="49" charset="0"/>
                </a:rPr>
                <a:t>//      </a:t>
              </a:r>
              <a:r>
                <a:rPr lang="en-US" sz="2000" b="0" dirty="0">
                  <a:solidFill>
                    <a:srgbClr val="008000"/>
                  </a:solidFill>
                  <a:effectLst/>
                  <a:latin typeface="Consolas" panose="020B0609020204030204" pitchFamily="49" charset="0"/>
                </a:rPr>
                <a:t>what I'm doing</a:t>
              </a:r>
            </a:p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endPara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pic>
          <p:nvPicPr>
            <p:cNvPr id="38" name="Picture 37">
              <a:extLst>
                <a:ext uri="{FF2B5EF4-FFF2-40B4-BE49-F238E27FC236}">
                  <a16:creationId xmlns:a16="http://schemas.microsoft.com/office/drawing/2014/main" id="{869807A4-2940-51D6-F2F4-B9DD78B25C9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duotone>
                <a:schemeClr val="accent2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5951040" y="6465294"/>
              <a:ext cx="733783" cy="538107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21746948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2" dur="500"/>
                                        <p:tgtEl>
                                          <p:spTgt spid="3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1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1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1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10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0" fill="hold">
                      <p:stCondLst>
                        <p:cond delay="indefinite"/>
                      </p:stCondLst>
                      <p:childTnLst>
                        <p:par>
                          <p:cTn id="51" fill="hold">
                            <p:stCondLst>
                              <p:cond delay="0"/>
                            </p:stCondLst>
                            <p:childTnLst>
                              <p:par>
                                <p:cTn id="52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4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7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8" fill="hold">
                      <p:stCondLst>
                        <p:cond delay="indefinite"/>
                      </p:stCondLst>
                      <p:childTnLst>
                        <p:par>
                          <p:cTn id="59" fill="hold">
                            <p:stCondLst>
                              <p:cond delay="0"/>
                            </p:stCondLst>
                            <p:childTnLst>
                              <p:par>
                                <p:cTn id="6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2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3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5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8" dur="500"/>
                                        <p:tgtEl>
                                          <p:spTgt spid="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1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2" fill="hold">
                      <p:stCondLst>
                        <p:cond delay="indefinite"/>
                      </p:stCondLst>
                      <p:childTnLst>
                        <p:par>
                          <p:cTn id="73" fill="hold">
                            <p:stCondLst>
                              <p:cond delay="0"/>
                            </p:stCondLst>
                            <p:childTnLst>
                              <p:par>
                                <p:cTn id="7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6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9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0" fill="hold">
                      <p:stCondLst>
                        <p:cond delay="indefinite"/>
                      </p:stCondLst>
                      <p:childTnLst>
                        <p:par>
                          <p:cTn id="81" fill="hold">
                            <p:stCondLst>
                              <p:cond delay="0"/>
                            </p:stCondLst>
                            <p:childTnLst>
                              <p:par>
                                <p:cTn id="8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4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5" fill="hold">
                      <p:stCondLst>
                        <p:cond delay="indefinite"/>
                      </p:stCondLst>
                      <p:childTnLst>
                        <p:par>
                          <p:cTn id="86" fill="hold">
                            <p:stCondLst>
                              <p:cond delay="0"/>
                            </p:stCondLst>
                            <p:childTnLst>
                              <p:par>
                                <p:cTn id="87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9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2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5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6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8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1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2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4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9" grpId="0" animBg="1"/>
      <p:bldP spid="11" grpId="0" animBg="1"/>
      <p:bldP spid="12" grpId="0" animBg="1"/>
      <p:bldP spid="13" grpId="0" animBg="1"/>
      <p:bldP spid="15" grpId="0" animBg="1"/>
      <p:bldP spid="26" grpId="0"/>
      <p:bldP spid="27" grpId="0"/>
      <p:bldP spid="28" grpId="0"/>
      <p:bldP spid="29" grpId="0" animBg="1"/>
      <p:bldP spid="30" grpId="0" animBg="1"/>
      <p:bldP spid="34" grpId="0" animBg="1"/>
      <p:bldP spid="48" grpId="0" animBg="1"/>
      <p:bldP spid="102" grpId="0"/>
      <p:bldP spid="132" grpId="0" animBg="1"/>
      <p:bldP spid="133" grpId="0"/>
      <p:bldP spid="134" grpId="0" animBg="1"/>
      <p:bldP spid="135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3B8790D8-F790-9953-E42D-4F856620BBE3}"/>
              </a:ext>
            </a:extLst>
          </p:cNvPr>
          <p:cNvSpPr txBox="1"/>
          <p:nvPr/>
        </p:nvSpPr>
        <p:spPr>
          <a:xfrm>
            <a:off x="622300" y="2504777"/>
            <a:ext cx="8321675" cy="230832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let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result = std::panic::</a:t>
            </a:r>
            <a:r>
              <a:rPr lang="en-US" b="0" dirty="0" err="1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catch_undwind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( || 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F(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);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});</a:t>
            </a:r>
          </a:p>
          <a:p>
            <a:b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</a:br>
            <a:r>
              <a:rPr lang="en-US" b="0" dirty="0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match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result 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Err(e)    =&gt; </a:t>
            </a:r>
            <a:r>
              <a:rPr lang="en-US" b="0" dirty="0" err="1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println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!(</a:t>
            </a:r>
            <a:r>
              <a:rPr lang="en-US" b="0" dirty="0">
                <a:solidFill>
                  <a:srgbClr val="A31515"/>
                </a:solidFill>
                <a:effectLst/>
                <a:latin typeface="Consolas" panose="020B0609020204030204" pitchFamily="49" charset="0"/>
              </a:rPr>
              <a:t>"Fault in nested domain D"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),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   Ok(value) =&gt; 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,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 // Sandboxed code returned successfully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}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6553057-24B8-772E-6D34-CED9D8C309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covering with </a:t>
            </a:r>
            <a:r>
              <a:rPr lang="en-US" dirty="0" err="1"/>
              <a:t>SDRaD</a:t>
            </a:r>
            <a:r>
              <a:rPr lang="en-US" dirty="0"/>
              <a:t> in Rust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C123C3F-FEEB-7821-CD90-A4F1EE247FC5}"/>
              </a:ext>
            </a:extLst>
          </p:cNvPr>
          <p:cNvSpPr txBox="1"/>
          <p:nvPr/>
        </p:nvSpPr>
        <p:spPr>
          <a:xfrm>
            <a:off x="479425" y="1848505"/>
            <a:ext cx="1041082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latin typeface="+mn-lt"/>
              </a:rPr>
              <a:t>The state of sandboxed code is discarded, and an error is signaled to developer-provided handler code: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AF2133F-FE21-5850-D56B-364E6DBF7AB2}"/>
              </a:ext>
            </a:extLst>
          </p:cNvPr>
          <p:cNvSpPr txBox="1"/>
          <p:nvPr/>
        </p:nvSpPr>
        <p:spPr>
          <a:xfrm>
            <a:off x="5565775" y="4689541"/>
            <a:ext cx="6534151" cy="184665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400" b="1" dirty="0">
                <a:latin typeface="+mn-lt"/>
              </a:rPr>
              <a:t>➀</a:t>
            </a:r>
            <a:r>
              <a:rPr lang="en-US" dirty="0">
                <a:latin typeface="+mn-lt"/>
              </a:rPr>
              <a:t> Turn (possibly) panicking function into one yielding a    </a:t>
            </a:r>
          </a:p>
          <a:p>
            <a:r>
              <a:rPr lang="en-US" dirty="0">
                <a:latin typeface="+mn-lt"/>
              </a:rPr>
              <a:t>     Result (Rust error handling idiom)…</a:t>
            </a:r>
          </a:p>
          <a:p>
            <a:r>
              <a:rPr lang="en-US" sz="2400" b="1" dirty="0">
                <a:latin typeface="+mn-lt"/>
              </a:rPr>
              <a:t>➁</a:t>
            </a:r>
            <a:r>
              <a:rPr lang="en-US" dirty="0">
                <a:latin typeface="+mn-lt"/>
              </a:rPr>
              <a:t> … in this case sandboxed function F </a:t>
            </a:r>
          </a:p>
          <a:p>
            <a:r>
              <a:rPr lang="en-US" sz="2400" b="1" dirty="0">
                <a:latin typeface="+mn-lt"/>
              </a:rPr>
              <a:t>➂ </a:t>
            </a:r>
            <a:r>
              <a:rPr lang="en-US" dirty="0">
                <a:latin typeface="+mn-lt"/>
              </a:rPr>
              <a:t>E</a:t>
            </a:r>
            <a:r>
              <a:rPr lang="en-US" dirty="0"/>
              <a:t>rror case should avoid triggering failed operation again </a:t>
            </a:r>
            <a:endParaRPr lang="en-US" dirty="0">
              <a:latin typeface="+mn-lt"/>
            </a:endParaRPr>
          </a:p>
          <a:p>
            <a:r>
              <a:rPr lang="en-US" sz="2400" b="1" dirty="0">
                <a:latin typeface="+mn-lt"/>
              </a:rPr>
              <a:t>➃</a:t>
            </a:r>
            <a:r>
              <a:rPr lang="en-US" dirty="0">
                <a:latin typeface="+mn-lt"/>
              </a:rPr>
              <a:t> Unpack return value if F returned successfully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9940070B-85B5-78E6-1DCF-7E008A4C2146}"/>
              </a:ext>
            </a:extLst>
          </p:cNvPr>
          <p:cNvSpPr txBox="1"/>
          <p:nvPr/>
        </p:nvSpPr>
        <p:spPr>
          <a:xfrm>
            <a:off x="622300" y="5197373"/>
            <a:ext cx="4231802" cy="144655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latin typeface="+mn-lt"/>
              </a:rPr>
              <a:t>Function </a:t>
            </a:r>
            <a:r>
              <a:rPr lang="en-US" sz="1600" dirty="0">
                <a:latin typeface="Consolas" panose="020B0609020204030204" pitchFamily="49" charset="0"/>
                <a:cs typeface="Calibri Light" panose="020F0302020204030204" pitchFamily="34" charset="0"/>
              </a:rPr>
              <a:t>std::panic::</a:t>
            </a:r>
            <a:r>
              <a:rPr lang="en-US" sz="1600" dirty="0" err="1">
                <a:latin typeface="Consolas" panose="020B0609020204030204" pitchFamily="49" charset="0"/>
                <a:cs typeface="Calibri Light" panose="020F0302020204030204" pitchFamily="34" charset="0"/>
              </a:rPr>
              <a:t>catch_unwind</a:t>
            </a:r>
            <a:r>
              <a:rPr lang="en-US" sz="1600" dirty="0">
                <a:latin typeface="+mn-lt"/>
                <a:cs typeface="Calibri Light" panose="020F0302020204030204" pitchFamily="34" charset="0"/>
              </a:rPr>
              <a:t> is a Rust standard library function to capture causes of unwinding panics (if one occurs)</a:t>
            </a:r>
          </a:p>
          <a:p>
            <a:r>
              <a:rPr lang="en-US" sz="1600" dirty="0">
                <a:latin typeface="+mn-lt"/>
                <a:cs typeface="Calibri Light" panose="020F0302020204030204" pitchFamily="34" charset="0"/>
              </a:rPr>
              <a:t> </a:t>
            </a:r>
          </a:p>
          <a:p>
            <a:r>
              <a:rPr lang="en-US" sz="1200" dirty="0">
                <a:latin typeface="+mn-lt"/>
                <a:hlinkClick r:id="rId3"/>
              </a:rPr>
              <a:t>https://doc.rust-lang.org/std/panic/fn.catch_unwind.html</a:t>
            </a:r>
            <a:endParaRPr lang="en-US" sz="1200" dirty="0">
              <a:latin typeface="+mn-lt"/>
            </a:endParaRPr>
          </a:p>
          <a:p>
            <a:endParaRPr lang="en-US" sz="1200" dirty="0">
              <a:latin typeface="+mn-lt"/>
            </a:endParaRPr>
          </a:p>
        </p:txBody>
      </p:sp>
      <p:sp>
        <p:nvSpPr>
          <p:cNvPr id="6" name="Dingbat 2">
            <a:extLst>
              <a:ext uri="{FF2B5EF4-FFF2-40B4-BE49-F238E27FC236}">
                <a16:creationId xmlns:a16="http://schemas.microsoft.com/office/drawing/2014/main" id="{0FEAE5D6-E911-1119-6E4B-E5861210F02C}"/>
              </a:ext>
            </a:extLst>
          </p:cNvPr>
          <p:cNvSpPr txBox="1"/>
          <p:nvPr/>
        </p:nvSpPr>
        <p:spPr>
          <a:xfrm>
            <a:off x="6191858" y="2448861"/>
            <a:ext cx="336550" cy="36933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800" b="1" dirty="0">
                <a:latin typeface="+mn-lt"/>
              </a:rPr>
              <a:t>➀</a:t>
            </a:r>
            <a:endParaRPr kumimoji="0" lang="en-US" sz="2800" b="1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7" name="Dingbat 2">
            <a:extLst>
              <a:ext uri="{FF2B5EF4-FFF2-40B4-BE49-F238E27FC236}">
                <a16:creationId xmlns:a16="http://schemas.microsoft.com/office/drawing/2014/main" id="{C9704C3B-2F36-089B-DFA8-2DDFC1C6EA83}"/>
              </a:ext>
            </a:extLst>
          </p:cNvPr>
          <p:cNvSpPr txBox="1"/>
          <p:nvPr/>
        </p:nvSpPr>
        <p:spPr>
          <a:xfrm>
            <a:off x="2151637" y="2728199"/>
            <a:ext cx="336550" cy="36933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800" b="1" dirty="0">
                <a:latin typeface="+mn-lt"/>
              </a:rPr>
              <a:t>➁</a:t>
            </a:r>
            <a:endParaRPr kumimoji="0" lang="en-US" sz="2800" b="1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Dingbat 2">
            <a:extLst>
              <a:ext uri="{FF2B5EF4-FFF2-40B4-BE49-F238E27FC236}">
                <a16:creationId xmlns:a16="http://schemas.microsoft.com/office/drawing/2014/main" id="{8B77FE28-79B8-2751-DD28-F8597C41FE1D}"/>
              </a:ext>
            </a:extLst>
          </p:cNvPr>
          <p:cNvSpPr txBox="1"/>
          <p:nvPr/>
        </p:nvSpPr>
        <p:spPr>
          <a:xfrm>
            <a:off x="737884" y="3785586"/>
            <a:ext cx="336550" cy="36933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800" b="1" dirty="0">
                <a:latin typeface="+mn-lt"/>
              </a:rPr>
              <a:t>➂</a:t>
            </a:r>
            <a:endParaRPr kumimoji="0" lang="en-US" sz="2800" b="1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Dingbat 2">
            <a:extLst>
              <a:ext uri="{FF2B5EF4-FFF2-40B4-BE49-F238E27FC236}">
                <a16:creationId xmlns:a16="http://schemas.microsoft.com/office/drawing/2014/main" id="{47352254-4923-AA46-CD6A-FBB1F9EC579D}"/>
              </a:ext>
            </a:extLst>
          </p:cNvPr>
          <p:cNvSpPr txBox="1"/>
          <p:nvPr/>
        </p:nvSpPr>
        <p:spPr>
          <a:xfrm>
            <a:off x="737884" y="4114677"/>
            <a:ext cx="336550" cy="36933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800" b="1" dirty="0">
                <a:latin typeface="+mn-lt"/>
              </a:rPr>
              <a:t>➃</a:t>
            </a:r>
            <a:endParaRPr kumimoji="0" lang="en-US" sz="2800" b="1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108546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1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2" fill="hold">
                      <p:stCondLst>
                        <p:cond delay="indefinite"/>
                      </p:stCondLst>
                      <p:childTnLst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1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11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7" grpId="0"/>
      <p:bldP spid="8" grpId="0"/>
      <p:bldP spid="10" grpId="0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5734A3-2D83-4583-BB70-FB7D479231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5673" y="392706"/>
            <a:ext cx="1052195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-FFI High Level Ide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15941AD8-E53D-E11C-9279-329699C2A0C7}"/>
              </a:ext>
            </a:extLst>
          </p:cNvPr>
          <p:cNvSpPr txBox="1"/>
          <p:nvPr/>
        </p:nvSpPr>
        <p:spPr>
          <a:xfrm>
            <a:off x="5035296" y="2238295"/>
            <a:ext cx="6473952" cy="373578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26CDA89-55C9-ED3A-5C17-9CAEA6F05237}"/>
              </a:ext>
            </a:extLst>
          </p:cNvPr>
          <p:cNvSpPr txBox="1"/>
          <p:nvPr/>
        </p:nvSpPr>
        <p:spPr>
          <a:xfrm>
            <a:off x="4123990" y="1665468"/>
            <a:ext cx="4622449" cy="375219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br>
              <a:rPr lang="en-US" sz="2000" dirty="0"/>
            </a:b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FD89B22-1EC8-5D7A-6661-669A7CFC3678}"/>
              </a:ext>
            </a:extLst>
          </p:cNvPr>
          <p:cNvSpPr/>
          <p:nvPr/>
        </p:nvSpPr>
        <p:spPr>
          <a:xfrm>
            <a:off x="7834627" y="1689090"/>
            <a:ext cx="3697712" cy="388063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ED9F2D2-B91E-FA4D-A8E5-77DDCD2C146F}"/>
              </a:ext>
            </a:extLst>
          </p:cNvPr>
          <p:cNvSpPr/>
          <p:nvPr/>
        </p:nvSpPr>
        <p:spPr>
          <a:xfrm>
            <a:off x="4471467" y="1738620"/>
            <a:ext cx="3039442" cy="3880630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8E9B4F1-40C1-ADBA-C5D0-CFC1D794A5BD}"/>
              </a:ext>
            </a:extLst>
          </p:cNvPr>
          <p:cNvSpPr/>
          <p:nvPr/>
        </p:nvSpPr>
        <p:spPr>
          <a:xfrm>
            <a:off x="10040447" y="2219244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voke F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43D3F5A-827D-732C-E5A5-EFC7816343FC}"/>
              </a:ext>
            </a:extLst>
          </p:cNvPr>
          <p:cNvSpPr/>
          <p:nvPr/>
        </p:nvSpPr>
        <p:spPr>
          <a:xfrm>
            <a:off x="7074569" y="2219244"/>
            <a:ext cx="1174446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nt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" name="Diamond 12">
            <a:extLst>
              <a:ext uri="{FF2B5EF4-FFF2-40B4-BE49-F238E27FC236}">
                <a16:creationId xmlns:a16="http://schemas.microsoft.com/office/drawing/2014/main" id="{05BC7A4D-FC1B-B55F-FEAA-D7B0E5513320}"/>
              </a:ext>
            </a:extLst>
          </p:cNvPr>
          <p:cNvSpPr/>
          <p:nvPr/>
        </p:nvSpPr>
        <p:spPr>
          <a:xfrm>
            <a:off x="9956280" y="3322170"/>
            <a:ext cx="1288797" cy="904593"/>
          </a:xfrm>
          <a:prstGeom prst="diamond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wrap="none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ult?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585670C-9160-0E6B-CB3F-6BB17FF84F9A}"/>
              </a:ext>
            </a:extLst>
          </p:cNvPr>
          <p:cNvSpPr/>
          <p:nvPr/>
        </p:nvSpPr>
        <p:spPr>
          <a:xfrm>
            <a:off x="7048079" y="4809058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69F7E9B-7B72-1121-776F-CE63EED5CFDA}"/>
              </a:ext>
            </a:extLst>
          </p:cNvPr>
          <p:cNvSpPr/>
          <p:nvPr/>
        </p:nvSpPr>
        <p:spPr>
          <a:xfrm>
            <a:off x="7048076" y="3502929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14AF02B-ED57-9023-E80B-9471C7B8490C}"/>
              </a:ext>
            </a:extLst>
          </p:cNvPr>
          <p:cNvSpPr/>
          <p:nvPr/>
        </p:nvSpPr>
        <p:spPr>
          <a:xfrm>
            <a:off x="8926775" y="4791778"/>
            <a:ext cx="2318302" cy="59242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dirty="0">
                <a:solidFill>
                  <a:prstClr val="black"/>
                </a:solidFill>
                <a:latin typeface="Calibri" panose="020F0502020204030204"/>
              </a:rPr>
              <a:t>Push mutable </a:t>
            </a:r>
            <a:r>
              <a:rPr lang="en-US" kern="1200" dirty="0" err="1">
                <a:solidFill>
                  <a:prstClr val="black"/>
                </a:solidFill>
                <a:latin typeface="Calibri" panose="020F0502020204030204"/>
              </a:rPr>
              <a:t>args</a:t>
            </a:r>
            <a:r>
              <a:rPr lang="en-US" kern="1200" dirty="0">
                <a:solidFill>
                  <a:prstClr val="black"/>
                </a:solidFill>
                <a:latin typeface="Calibri" panose="020F0502020204030204"/>
              </a:rPr>
              <a:t> and return value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BA1293B-6A48-E033-FB4F-C1619BD21427}"/>
              </a:ext>
            </a:extLst>
          </p:cNvPr>
          <p:cNvCxnSpPr>
            <a:cxnSpLocks/>
            <a:stCxn id="29" idx="3"/>
            <a:endCxn id="34" idx="1"/>
          </p:cNvCxnSpPr>
          <p:nvPr/>
        </p:nvCxnSpPr>
        <p:spPr>
          <a:xfrm>
            <a:off x="5881846" y="2499254"/>
            <a:ext cx="259986" cy="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A8C8B23-F518-B20B-4E46-313D7C06A9EB}"/>
              </a:ext>
            </a:extLst>
          </p:cNvPr>
          <p:cNvCxnSpPr>
            <a:cxnSpLocks/>
            <a:stCxn id="13" idx="2"/>
          </p:cNvCxnSpPr>
          <p:nvPr/>
        </p:nvCxnSpPr>
        <p:spPr>
          <a:xfrm>
            <a:off x="10600679" y="4226763"/>
            <a:ext cx="0" cy="582295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AABAF91-DEFB-F1BC-939B-FA4679E60323}"/>
              </a:ext>
            </a:extLst>
          </p:cNvPr>
          <p:cNvCxnSpPr>
            <a:cxnSpLocks/>
            <a:stCxn id="16" idx="1"/>
            <a:endCxn id="14" idx="3"/>
          </p:cNvCxnSpPr>
          <p:nvPr/>
        </p:nvCxnSpPr>
        <p:spPr>
          <a:xfrm flipH="1">
            <a:off x="8168541" y="5087992"/>
            <a:ext cx="758234" cy="1728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C9174F77-14BB-8D64-FDD0-1B9DD2AD872C}"/>
              </a:ext>
            </a:extLst>
          </p:cNvPr>
          <p:cNvCxnSpPr>
            <a:cxnSpLocks/>
            <a:stCxn id="11" idx="2"/>
            <a:endCxn id="13" idx="0"/>
          </p:cNvCxnSpPr>
          <p:nvPr/>
        </p:nvCxnSpPr>
        <p:spPr>
          <a:xfrm>
            <a:off x="10600678" y="2811672"/>
            <a:ext cx="1" cy="51049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B8F6B69-CCA9-FDA5-7092-8918E78E6F7D}"/>
              </a:ext>
            </a:extLst>
          </p:cNvPr>
          <p:cNvCxnSpPr>
            <a:cxnSpLocks/>
            <a:stCxn id="13" idx="1"/>
            <a:endCxn id="15" idx="3"/>
          </p:cNvCxnSpPr>
          <p:nvPr/>
        </p:nvCxnSpPr>
        <p:spPr>
          <a:xfrm flipH="1">
            <a:off x="8168538" y="3774467"/>
            <a:ext cx="1787742" cy="246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7A77AFDC-3434-1FC6-B088-FA62BF692475}"/>
              </a:ext>
            </a:extLst>
          </p:cNvPr>
          <p:cNvCxnSpPr>
            <a:cxnSpLocks/>
          </p:cNvCxnSpPr>
          <p:nvPr/>
        </p:nvCxnSpPr>
        <p:spPr>
          <a:xfrm>
            <a:off x="5415211" y="1458561"/>
            <a:ext cx="0" cy="64231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612053A5-6009-2EFA-C3D4-767C163B2B2B}"/>
              </a:ext>
            </a:extLst>
          </p:cNvPr>
          <p:cNvSpPr txBox="1"/>
          <p:nvPr/>
        </p:nvSpPr>
        <p:spPr>
          <a:xfrm>
            <a:off x="10150087" y="4265561"/>
            <a:ext cx="42832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o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20E916B-264E-F1C1-D736-97BCE57DD6B2}"/>
              </a:ext>
            </a:extLst>
          </p:cNvPr>
          <p:cNvSpPr txBox="1"/>
          <p:nvPr/>
        </p:nvSpPr>
        <p:spPr>
          <a:xfrm>
            <a:off x="9072302" y="3405134"/>
            <a:ext cx="4912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ye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32DBB8C2-3925-4E97-BB64-3321EC4144B3}"/>
              </a:ext>
            </a:extLst>
          </p:cNvPr>
          <p:cNvSpPr txBox="1"/>
          <p:nvPr/>
        </p:nvSpPr>
        <p:spPr>
          <a:xfrm>
            <a:off x="5881846" y="1665445"/>
            <a:ext cx="158524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Parent Domain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EA93954E-C08D-F3EF-4FF5-A61B83EAB803}"/>
              </a:ext>
            </a:extLst>
          </p:cNvPr>
          <p:cNvSpPr txBox="1"/>
          <p:nvPr/>
        </p:nvSpPr>
        <p:spPr>
          <a:xfrm>
            <a:off x="8439260" y="1673297"/>
            <a:ext cx="198109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ested Domain D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D05A629-101E-05EB-2686-68417CEB5228}"/>
              </a:ext>
            </a:extLst>
          </p:cNvPr>
          <p:cNvSpPr/>
          <p:nvPr/>
        </p:nvSpPr>
        <p:spPr>
          <a:xfrm>
            <a:off x="5012205" y="2080020"/>
            <a:ext cx="869641" cy="838467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i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949715E-85C0-BE7A-CAA1-E92235AE07AF}"/>
              </a:ext>
            </a:extLst>
          </p:cNvPr>
          <p:cNvSpPr/>
          <p:nvPr/>
        </p:nvSpPr>
        <p:spPr>
          <a:xfrm>
            <a:off x="4736765" y="3465526"/>
            <a:ext cx="1863828" cy="639041"/>
          </a:xfrm>
          <a:prstGeom prst="rect">
            <a:avLst/>
          </a:prstGeom>
          <a:ln/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 anchor="ctr"/>
          <a:lstStyle/>
          <a:p>
            <a:pPr lvl="1" algn="ctr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+mn-lt"/>
              </a:rPr>
              <a:t>Rewind &amp; Discard</a:t>
            </a: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ACF6517-DA09-D042-FBCC-8F6744F1782F}"/>
              </a:ext>
            </a:extLst>
          </p:cNvPr>
          <p:cNvCxnSpPr>
            <a:cxnSpLocks/>
            <a:endCxn id="30" idx="3"/>
          </p:cNvCxnSpPr>
          <p:nvPr/>
        </p:nvCxnSpPr>
        <p:spPr bwMode="auto">
          <a:xfrm flipH="1">
            <a:off x="6600593" y="3785047"/>
            <a:ext cx="460035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2" name="Rectangle 31">
            <a:extLst>
              <a:ext uri="{FF2B5EF4-FFF2-40B4-BE49-F238E27FC236}">
                <a16:creationId xmlns:a16="http://schemas.microsoft.com/office/drawing/2014/main" id="{8AC09999-0B62-838E-10F1-94D54FC98881}"/>
              </a:ext>
            </a:extLst>
          </p:cNvPr>
          <p:cNvSpPr/>
          <p:nvPr/>
        </p:nvSpPr>
        <p:spPr>
          <a:xfrm>
            <a:off x="4610308" y="4809058"/>
            <a:ext cx="1034124" cy="575148"/>
          </a:xfrm>
          <a:prstGeom prst="rect">
            <a:avLst/>
          </a:prstGeom>
          <a:ln/>
        </p:spPr>
        <p:style>
          <a:lnRef idx="1">
            <a:schemeClr val="accent2"/>
          </a:lnRef>
          <a:fillRef idx="2">
            <a:schemeClr val="accent2"/>
          </a:fillRef>
          <a:effectRef idx="1">
            <a:schemeClr val="accent2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eturn to Caller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C325B4A-89A4-CC07-1848-090671D16BCC}"/>
              </a:ext>
            </a:extLst>
          </p:cNvPr>
          <p:cNvCxnSpPr>
            <a:cxnSpLocks/>
          </p:cNvCxnSpPr>
          <p:nvPr/>
        </p:nvCxnSpPr>
        <p:spPr bwMode="auto">
          <a:xfrm flipH="1">
            <a:off x="6600593" y="5087992"/>
            <a:ext cx="460037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4" name="Rectangle 33">
            <a:extLst>
              <a:ext uri="{FF2B5EF4-FFF2-40B4-BE49-F238E27FC236}">
                <a16:creationId xmlns:a16="http://schemas.microsoft.com/office/drawing/2014/main" id="{D856ED8E-1D71-BB24-3AA3-F7BA82D6DB96}"/>
              </a:ext>
            </a:extLst>
          </p:cNvPr>
          <p:cNvSpPr/>
          <p:nvPr/>
        </p:nvSpPr>
        <p:spPr>
          <a:xfrm>
            <a:off x="6141832" y="2080020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sh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A1A68EC2-42F5-D462-1D2F-12157C1A78DF}"/>
              </a:ext>
            </a:extLst>
          </p:cNvPr>
          <p:cNvCxnSpPr>
            <a:cxnSpLocks/>
            <a:stCxn id="34" idx="3"/>
          </p:cNvCxnSpPr>
          <p:nvPr/>
        </p:nvCxnSpPr>
        <p:spPr>
          <a:xfrm flipV="1">
            <a:off x="6823757" y="2498178"/>
            <a:ext cx="263366" cy="10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48" name="Rectangle 47">
            <a:extLst>
              <a:ext uri="{FF2B5EF4-FFF2-40B4-BE49-F238E27FC236}">
                <a16:creationId xmlns:a16="http://schemas.microsoft.com/office/drawing/2014/main" id="{4165CDEF-3B5D-0A0C-19F3-90B248C3236B}"/>
              </a:ext>
            </a:extLst>
          </p:cNvPr>
          <p:cNvSpPr/>
          <p:nvPr/>
        </p:nvSpPr>
        <p:spPr>
          <a:xfrm>
            <a:off x="8813420" y="2086236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8C6FC05B-418A-97AD-FB03-B5AD68ACA8E1}"/>
              </a:ext>
            </a:extLst>
          </p:cNvPr>
          <p:cNvCxnSpPr>
            <a:stCxn id="12" idx="3"/>
            <a:endCxn id="48" idx="1"/>
          </p:cNvCxnSpPr>
          <p:nvPr/>
        </p:nvCxnSpPr>
        <p:spPr bwMode="auto">
          <a:xfrm flipV="1">
            <a:off x="8249015" y="2505470"/>
            <a:ext cx="564405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6D185353-29C4-4882-759D-FDA4C51CBCC1}"/>
              </a:ext>
            </a:extLst>
          </p:cNvPr>
          <p:cNvCxnSpPr>
            <a:cxnSpLocks/>
            <a:stCxn id="48" idx="3"/>
            <a:endCxn id="11" idx="1"/>
          </p:cNvCxnSpPr>
          <p:nvPr/>
        </p:nvCxnSpPr>
        <p:spPr bwMode="auto">
          <a:xfrm>
            <a:off x="9495345" y="2505470"/>
            <a:ext cx="545102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02" name="TextBox 101">
            <a:extLst>
              <a:ext uri="{FF2B5EF4-FFF2-40B4-BE49-F238E27FC236}">
                <a16:creationId xmlns:a16="http://schemas.microsoft.com/office/drawing/2014/main" id="{6DD1F6FF-4029-2643-29A3-FE9FE43C284A}"/>
              </a:ext>
            </a:extLst>
          </p:cNvPr>
          <p:cNvSpPr txBox="1"/>
          <p:nvPr/>
        </p:nvSpPr>
        <p:spPr>
          <a:xfrm>
            <a:off x="4743955" y="1162347"/>
            <a:ext cx="618134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F(</a:t>
            </a: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)</a:t>
            </a:r>
          </a:p>
        </p:txBody>
      </p:sp>
      <p:sp>
        <p:nvSpPr>
          <p:cNvPr id="106" name="Rectangle 105">
            <a:extLst>
              <a:ext uri="{FF2B5EF4-FFF2-40B4-BE49-F238E27FC236}">
                <a16:creationId xmlns:a16="http://schemas.microsoft.com/office/drawing/2014/main" id="{0458C78C-70A4-DBD1-CDE9-D223A740970B}"/>
              </a:ext>
            </a:extLst>
          </p:cNvPr>
          <p:cNvSpPr/>
          <p:nvPr/>
        </p:nvSpPr>
        <p:spPr>
          <a:xfrm>
            <a:off x="5926520" y="4668758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  <a:br>
              <a:rPr lang="en-US" sz="1600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</a:br>
            <a:r>
              <a:rPr lang="en-US" sz="1600" kern="1200" noProof="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v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107" name="Straight Arrow Connector 106">
            <a:extLst>
              <a:ext uri="{FF2B5EF4-FFF2-40B4-BE49-F238E27FC236}">
                <a16:creationId xmlns:a16="http://schemas.microsoft.com/office/drawing/2014/main" id="{65662F45-98DA-B74E-B834-E806FA302004}"/>
              </a:ext>
            </a:extLst>
          </p:cNvPr>
          <p:cNvCxnSpPr>
            <a:cxnSpLocks/>
            <a:stCxn id="106" idx="1"/>
            <a:endCxn id="32" idx="3"/>
          </p:cNvCxnSpPr>
          <p:nvPr/>
        </p:nvCxnSpPr>
        <p:spPr bwMode="auto">
          <a:xfrm flipH="1">
            <a:off x="5644432" y="5087992"/>
            <a:ext cx="282088" cy="864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Rectangle 131">
            <a:extLst>
              <a:ext uri="{FF2B5EF4-FFF2-40B4-BE49-F238E27FC236}">
                <a16:creationId xmlns:a16="http://schemas.microsoft.com/office/drawing/2014/main" id="{3DBF5ABD-8793-0D5F-DD9E-F768B13B0061}"/>
              </a:ext>
            </a:extLst>
          </p:cNvPr>
          <p:cNvSpPr/>
          <p:nvPr/>
        </p:nvSpPr>
        <p:spPr>
          <a:xfrm>
            <a:off x="468449" y="4408359"/>
            <a:ext cx="394538" cy="383419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3" name="TextBox 132">
            <a:extLst>
              <a:ext uri="{FF2B5EF4-FFF2-40B4-BE49-F238E27FC236}">
                <a16:creationId xmlns:a16="http://schemas.microsoft.com/office/drawing/2014/main" id="{35537688-119B-718D-3973-A02B432E855F}"/>
              </a:ext>
            </a:extLst>
          </p:cNvPr>
          <p:cNvSpPr txBox="1"/>
          <p:nvPr/>
        </p:nvSpPr>
        <p:spPr>
          <a:xfrm>
            <a:off x="1038225" y="4450227"/>
            <a:ext cx="1679002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DRaD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PIs </a:t>
            </a:r>
          </a:p>
        </p:txBody>
      </p:sp>
      <p:sp>
        <p:nvSpPr>
          <p:cNvPr id="134" name="Rectangle 133">
            <a:extLst>
              <a:ext uri="{FF2B5EF4-FFF2-40B4-BE49-F238E27FC236}">
                <a16:creationId xmlns:a16="http://schemas.microsoft.com/office/drawing/2014/main" id="{E1D03005-AB91-1000-4FFD-E100E1BC2657}"/>
              </a:ext>
            </a:extLst>
          </p:cNvPr>
          <p:cNvSpPr/>
          <p:nvPr/>
        </p:nvSpPr>
        <p:spPr>
          <a:xfrm>
            <a:off x="468449" y="5034243"/>
            <a:ext cx="394538" cy="383419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76266646-DE7A-9B6B-9CD3-8DFEF7B5EA88}"/>
              </a:ext>
            </a:extLst>
          </p:cNvPr>
          <p:cNvSpPr txBox="1"/>
          <p:nvPr/>
        </p:nvSpPr>
        <p:spPr>
          <a:xfrm>
            <a:off x="1038224" y="5076111"/>
            <a:ext cx="2978507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2000" dirty="0">
                <a:latin typeface="+mn-lt"/>
              </a:rPr>
              <a:t>Track the Rust data types of the argument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7488F70-3DCF-C127-A61E-B4B043DB617B}"/>
              </a:ext>
            </a:extLst>
          </p:cNvPr>
          <p:cNvSpPr txBox="1"/>
          <p:nvPr/>
        </p:nvSpPr>
        <p:spPr>
          <a:xfrm>
            <a:off x="392684" y="1238750"/>
            <a:ext cx="6115050" cy="286232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sandbox!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</a:t>
            </a:r>
            <a:r>
              <a:rPr lang="en-US" b="0" dirty="0" err="1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fn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F(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) {</a:t>
            </a: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         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</a:t>
            </a:r>
            <a:r>
              <a:rPr lang="en-US" b="0" dirty="0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unsafe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    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 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}</a:t>
            </a: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         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}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}</a:t>
            </a:r>
          </a:p>
        </p:txBody>
      </p:sp>
    </p:spTree>
    <p:extLst>
      <p:ext uri="{BB962C8B-B14F-4D97-AF65-F5344CB8AC3E}">
        <p14:creationId xmlns:p14="http://schemas.microsoft.com/office/powerpoint/2010/main" val="21765582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10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10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  <p:bldP spid="16" grpId="0" animBg="1"/>
      <p:bldP spid="25" grpId="0"/>
      <p:bldP spid="32" grpId="0" animBg="1"/>
      <p:bldP spid="106" grpId="0" animBg="1"/>
    </p:bldLst>
  </p:timing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2.xml><?xml version="1.0" encoding="utf-8"?>
<TemplafyTemplateConfiguration><![CDATA[{"elementsMetadata":[{"type":"shape","id":"aa04926c-c925-4420-be79-175ff19aec0c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199XWEQF/XiL69T60u8AXg=="},{"name":"ConfidentialityClass","value":"cT/FOwTWaPknrhRlNMh4SQ=="},{"name":"ExternalConfidentialityLabel","value":"5wlu7ZdPxHQj1W0w+yTNSg=="},{"name":"DocTypePresentation","value":"tzu6Hb53LEDFeaU5mCHMFQ=="},{"name":"LanguageCode","value":"5wlu7ZdPxHQj1W0w+yTNSg=="},{"name":"Date","value":"1RuhEEEuMksGkrN2ShRSTA=="},{"name":"TemplateType","value":"5wlu7ZdPxHQj1W0w+yTNSg=="},{"name":"DocTitle","value":"5wlu7ZdPxHQj1W0w+yTNSg=="},{"name":"TotalPageNo","value":"cT/FOwTWaPknrhRlNMh4SQ=="},{"name":"Prepared","value":"pMfZXIlo4pG3SOeWtN1XyA=="}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260122995462646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A2258578-4028-422E-A2BB-56A6BD2305EC}">
  <ds:schemaRefs>
    <ds:schemaRef ds:uri="92e1255f-bb7b-4dc9-b051-584cc104eb44"/>
    <ds:schemaRef ds:uri="a6550eff-0fc9-443f-8e77-72cbcf778382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0.xml><?xml version="1.0" encoding="utf-8"?>
<ds:datastoreItem xmlns:ds="http://schemas.openxmlformats.org/officeDocument/2006/customXml" ds:itemID="{97F10246-3E6F-46A5-8074-7804970F2AEF}">
  <ds:schemaRefs/>
</ds:datastoreItem>
</file>

<file path=customXml/itemProps11.xml><?xml version="1.0" encoding="utf-8"?>
<ds:datastoreItem xmlns:ds="http://schemas.openxmlformats.org/officeDocument/2006/customXml" ds:itemID="{B67141C2-71E3-4A8C-B304-3B1CCB726A30}">
  <ds:schemaRefs/>
</ds:datastoreItem>
</file>

<file path=customXml/itemProps12.xml><?xml version="1.0" encoding="utf-8"?>
<ds:datastoreItem xmlns:ds="http://schemas.openxmlformats.org/officeDocument/2006/customXml" ds:itemID="{0C93A89F-8911-4FEB-8A9F-726B85941372}">
  <ds:schemaRefs/>
</ds:datastoreItem>
</file>

<file path=customXml/itemProps13.xml><?xml version="1.0" encoding="utf-8"?>
<ds:datastoreItem xmlns:ds="http://schemas.openxmlformats.org/officeDocument/2006/customXml" ds:itemID="{B44688D9-5E3A-425E-B153-E63C7EC5BE44}">
  <ds:schemaRefs/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3.xml><?xml version="1.0" encoding="utf-8"?>
<ds:datastoreItem xmlns:ds="http://schemas.openxmlformats.org/officeDocument/2006/customXml" ds:itemID="{C09F197C-6A49-47D0-B877-F88807989676}">
  <ds:schemaRefs/>
</ds:datastoreItem>
</file>

<file path=customXml/itemProps4.xml><?xml version="1.0" encoding="utf-8"?>
<ds:datastoreItem xmlns:ds="http://schemas.openxmlformats.org/officeDocument/2006/customXml" ds:itemID="{56F2EE69-0CCA-4F48-BE22-EC4A886C57A7}">
  <ds:schemaRefs>
    <ds:schemaRef ds:uri="92e1255f-bb7b-4dc9-b051-584cc104eb44"/>
    <ds:schemaRef ds:uri="a6550eff-0fc9-443f-8e77-72cbcf778382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D92C3DF5-A179-4E2D-BD20-07044B39171F}">
  <ds:schemaRefs/>
</ds:datastoreItem>
</file>

<file path=customXml/itemProps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B9AEDDE3-EA02-4A8F-B8F8-0606A0AA45FC}">
  <ds:schemaRefs/>
</ds:datastoreItem>
</file>

<file path=customXml/itemProps8.xml><?xml version="1.0" encoding="utf-8"?>
<ds:datastoreItem xmlns:ds="http://schemas.openxmlformats.org/officeDocument/2006/customXml" ds:itemID="{321AC13F-1070-4CD5-9797-CD3CC631801F}">
  <ds:schemaRefs/>
</ds:datastoreItem>
</file>

<file path=customXml/itemProps9.xml><?xml version="1.0" encoding="utf-8"?>
<ds:datastoreItem xmlns:ds="http://schemas.openxmlformats.org/officeDocument/2006/customXml" ds:itemID="{A8AEC84E-FBF7-42E2-A114-CA4D8CA6E40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32931</TotalTime>
  <Words>1991</Words>
  <Application>Microsoft Office PowerPoint</Application>
  <PresentationFormat>Widescreen</PresentationFormat>
  <Paragraphs>362</Paragraphs>
  <Slides>19</Slides>
  <Notes>14</Notes>
  <HiddenSlides>1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9</vt:i4>
      </vt:variant>
    </vt:vector>
  </HeadingPairs>
  <TitlesOfParts>
    <vt:vector size="27" baseType="lpstr">
      <vt:lpstr>Ericsson Technical Icons</vt:lpstr>
      <vt:lpstr>Lucida Console</vt:lpstr>
      <vt:lpstr>Ericsson Hilda Light</vt:lpstr>
      <vt:lpstr>Ericsson Hilda</vt:lpstr>
      <vt:lpstr>Arial</vt:lpstr>
      <vt:lpstr>Calibri</vt:lpstr>
      <vt:lpstr>Consolas</vt:lpstr>
      <vt:lpstr>PresentationTemplate2017</vt:lpstr>
      <vt:lpstr>Friend or Foe Inside? Exploring In-Process Isolation to Maintain Memory Safety for Unsafe Rust </vt:lpstr>
      <vt:lpstr>Memory Safe Language: Rust</vt:lpstr>
      <vt:lpstr>Rust hides Unsafe Rust</vt:lpstr>
      <vt:lpstr>Process-based Isolation vs In-Process Isolation</vt:lpstr>
      <vt:lpstr>Problem Statement</vt:lpstr>
      <vt:lpstr>Secure Rewind and Discard with Isolated Domains (IEEE DSN´23) </vt:lpstr>
      <vt:lpstr>SDRaD-FFI High Level Idea</vt:lpstr>
      <vt:lpstr>Recovering with SDRaD in Rust</vt:lpstr>
      <vt:lpstr>SDRaD-FFI High Level Idea</vt:lpstr>
      <vt:lpstr>Track the Rust data types of the arguments</vt:lpstr>
      <vt:lpstr>Case Studies: Bincode vs. Abomonation</vt:lpstr>
      <vt:lpstr>Snappy Performance </vt:lpstr>
      <vt:lpstr>Snappy Performance </vt:lpstr>
      <vt:lpstr>In summary </vt:lpstr>
      <vt:lpstr>PowerPoint Presentation</vt:lpstr>
      <vt:lpstr>Protection Keys for Userspace (PKU)</vt:lpstr>
      <vt:lpstr>Libpng performance</vt:lpstr>
      <vt:lpstr>PowerPoint Presentation</vt:lpstr>
      <vt:lpstr>SDRaD-FFI High Level Idea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DROB</dc:title>
  <dc:creator>Merve Gulmez</dc:creator>
  <cp:keywords/>
  <dc:description> 
Rev </dc:description>
  <cp:lastModifiedBy>Merve Gülmez</cp:lastModifiedBy>
  <cp:revision>1</cp:revision>
  <dcterms:created xsi:type="dcterms:W3CDTF">2019-04-23T15:12:54Z</dcterms:created>
  <dcterms:modified xsi:type="dcterms:W3CDTF">2023-10-19T20:17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25T15:19:59.4129898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8236523223961857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/>
  </property>
  <property fmtid="{D5CDD505-2E9C-101B-9397-08002B2CF9AE}" pid="16" name="Prepared">
    <vt:lpwstr>Merve Gulmez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3-10-20</vt:lpwstr>
  </property>
  <property fmtid="{D5CDD505-2E9C-101B-9397-08002B2CF9AE}" pid="21" name="Reference">
    <vt:lpwstr/>
  </property>
  <property fmtid="{D5CDD505-2E9C-101B-9397-08002B2CF9AE}" pid="22" name="Title">
    <vt:lpwstr>SDROB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>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